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6\"/>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01" uniqueCount="523">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7/11/2020</t>
  </si>
  <si>
    <t>07:00:00:00</t>
  </si>
  <si>
    <t>P0876264</t>
  </si>
  <si>
    <t>Des trains pas comme les autres : Angleterre</t>
  </si>
  <si>
    <t>Des trains pas comme les autres</t>
  </si>
  <si>
    <t>Angleterre</t>
  </si>
  <si>
    <t>00:52</t>
  </si>
  <si>
    <t>France</t>
  </si>
  <si>
    <t>Alex Badin,Nicolas Boero,William Japhet,Yann Staderoli</t>
  </si>
  <si>
    <t>Direction l’Angleterre, ce pays qui a vu naitre le train ! Philippe débute son voyage par la découverte de la capitale. Ambiance so british pour lui qui parcourt la belle « London » à bord d’un fameux black cab… il y découvre des abris à taxis très originaux.  Puis ce sera luxe, farniente, détente et rosbif à bord du train de luxe Northern Bell, un train d’époque qui a pour unique destination le plaisir. Cap vers le nord à la rencontre d’un jardinier pas comme les autres, un jardinier designer de meubles. Il fait littéralement pousser des chaises sur les arbres ! Mais au nord, Philippe trouvera aussi des petites lignes de train bucoliques et amoureusement entretenues. Après cette escale, direction le sud et l’île de Wight. Connue pour son festival et ses falaises, l’île réserve d’autres surprises… La dernière étape du voyage se fera dans l’une des plus anciennes villes anglaises : Canterbury. Au cœur de sa majestueuse cathédrale, Philippe rencontrera son chœur et ses 1400 ans de chants aux notes impeccables !</t>
  </si>
  <si>
    <t>08:00:00:00</t>
  </si>
  <si>
    <t>P0830571</t>
  </si>
  <si>
    <t>Carte postale de Namibie</t>
  </si>
  <si>
    <t>Namibia</t>
  </si>
  <si>
    <t>Namibia, the Spirit of Wilderness</t>
  </si>
  <si>
    <t>01:00</t>
  </si>
  <si>
    <t>Germany</t>
  </si>
  <si>
    <t>Alexander Sass,Simon Bush</t>
  </si>
  <si>
    <t>Avec plus de 300 jours d’ensoleillement par an, le soleil règne sur la Namibie comme il brille sur son drapeau. Sur ces terres arides, à la fois familières et semblant tout droit venues d’une autre planète, contrastes et couleurs se rencontrent pour former d’infinies étendues et de somptueux déserts. Influencée par diverses cultures durant la colonisation, la Namibie renaît des ténèbres de l’apartheid en 1990 et incarne aujourd’hui un kaléidoscope de cultures, de langues, d’arts, de musiques et de gastronomies.
La Namibie est le paradis des aventuriers, fabuleux écrin de notre planète où se succèdent les merveilles naturelles. Ses étendues immenses et ses couleurs flamboyantes en font un pays inoubliable. Du désert du Namib au stupéfiant canyon de la Fish River, en passant par l’extraordinaire parc national d’Etosha où évoluent éléphants, antilopes, girafes, zèbres et lions à l’état sauvage, Carte postale de Namibie vous embarque dans une aventure qui restera longtemps gravée dans votre mémoire.</t>
  </si>
  <si>
    <t>09:00:00:00</t>
  </si>
  <si>
    <t>Les plus beaux treks : Luberon / Ventoux</t>
  </si>
  <si>
    <t>Les plus beaux treks</t>
  </si>
  <si>
    <t>Le Morvan</t>
  </si>
  <si>
    <t>Laurent Bouit</t>
  </si>
  <si>
    <t>09:55:00:00</t>
  </si>
  <si>
    <t>P0877870</t>
  </si>
  <si>
    <t>Sur les sentiers de l'Histoire : La piste des terrils</t>
  </si>
  <si>
    <t>Sur les sentiers de l'Histoire</t>
  </si>
  <si>
    <t>La piste des terrils</t>
  </si>
  <si>
    <t>Denis Dommel</t>
  </si>
  <si>
    <t>Le Nord est marqué par l’empreinte du charbon. En son centre, le bassin minier du Douaisis est particulièrement représentatif de cette longue veine d’extraction qui part de Belgique et rejoint le Pas-de-Calais. Depuis les forêts exploitées par la noblesse au XVIIème siècle jusqu’aux cités-jardins jouxtant les cathédrales de briques rouges des centres miniers, nous parcourons cette histoire singulière d’une région dessinée par son activité́ industrielle.</t>
  </si>
  <si>
    <t>11:00:00:00</t>
  </si>
  <si>
    <t>P0815556</t>
  </si>
  <si>
    <t>Horizons : Namibie, l'Afrique hors du temps</t>
  </si>
  <si>
    <t>Horizons (collection Acquisitions)</t>
  </si>
  <si>
    <t>Namibie, l'Afrique hors du temps</t>
  </si>
  <si>
    <t>00:51</t>
  </si>
  <si>
    <t>Eric Bacos</t>
  </si>
  <si>
    <t>En Namibie, la vie a su s'adapter pour perdurer : il suffit d'une journée de vent ou d'une heure de pluie pour que le décor se transforme. Des déserts à la couleur de rouille aux réserves d’animaux, des espaces infinis aux côtes désertes de l’Atlantique, ce pays est une véritable "terre promise" aux richesses insoupçonnées. Et si son patrimoine naturel est exceptionnel, il abrite aussi une fascinante mosaïque culturelle. La Namibie se mérite et s'apprivoise. C’est sans doute ce qui la préserve encore un peu des grands mouvements du monde et offre au visiteur une magie intacte et fascinante.</t>
  </si>
  <si>
    <t>12:00:00:00</t>
  </si>
  <si>
    <t>P0878856</t>
  </si>
  <si>
    <t>Exploration Namibienne</t>
  </si>
  <si>
    <t>Exploration namibienne</t>
  </si>
  <si>
    <t>Robert Iséni,Simon Allix</t>
  </si>
  <si>
    <t>Scientifique, aventurier, écrivain et grand spécialiste des déserts à travers le monde et des populations qui y vivent, Philippe Frey a parcouru ces étendues hostiles le plus souvent seul, à pied et au cap… alors que chacune était réputée infranchissable, y compris par les locaux. Dans ce film, Philippe accompagne un petit groupe de voyageurs au cœur de la Namibie. Sa grande connaissance des lieux lui permet de nous emmener hors des sentiers battus, à la découverte des secrets du grand Namib. Un voyage à travers des paysages majestueux, des océans de dunes à perte de vue, des désert caillouteux, la vallée de la lune, ou au cœur de la savane. À la rencontre des peuples autochtones comme les Bushman ou les Himbas et de leur histoire de plus de 6000 ans. De l’évocation du passé coloniale plus récent et de l’observation de nombreuses espèces animales rares et sauvages, c’est un véritable voyage à travers l’espace et le temps et la promesse d’une évasion riche d’enseignement sur cette partie de l’Afrique.</t>
  </si>
  <si>
    <t>13:05:00:00</t>
  </si>
  <si>
    <t>P0728265</t>
  </si>
  <si>
    <t>Découvrir le monde : Namibie, l'aventure originelle</t>
  </si>
  <si>
    <t>Découvrir le monde (collection)</t>
  </si>
  <si>
    <t>Namibie, l'aventure originelle</t>
  </si>
  <si>
    <t>Pierre Brouwers</t>
  </si>
  <si>
    <t>Éléphants, girafes, zèbres, koudous et babouins traversent tranquillement la route devant les voitures. Déserts lunaires et canyons fantastiques se relaient avec les plus belles dunes du monde pour dresser un décor qui défie l'imagination. Bochimans, Himbas et Héréros, avec leur gentillesse innée, accentuent encore la séduction. Jamais, lors de ses tournages, Pierre Brouwers n'avait connu une telle concentration de beauté à l'état pur.</t>
  </si>
  <si>
    <t>14:05:00:00</t>
  </si>
  <si>
    <t>P0878851</t>
  </si>
  <si>
    <t>Légendes de France : Le Pays Basque</t>
  </si>
  <si>
    <t>Légendes de France (versions 75')</t>
  </si>
  <si>
    <t>Le Pays Basque</t>
  </si>
  <si>
    <t>01:25</t>
  </si>
  <si>
    <t>Véronique Jacquinet</t>
  </si>
  <si>
    <t xml:space="preserve">De leurs ancêtres arrimés aux brumeuses Pyrénées bien avant l’arrivée des peuplades indo-européennes, les Basques ont hérité une terre, une langue et une mythologie des plus singulières. Aux yeux de tous, Ils apparaissent presque comme un peuple imaginaire et leur antique culture foisonne de légendes souvent impossibles à dater. Leur terre elle-même semble un rêve : villages aux maisons blanches et rouges, vertes montagnes, crêtes sombres et rocheuses, mer de cobalt virant au noir de jais lors des tempêtes et bien d’autres bizarreries locales qui n’appartiennent qu’à leur monde, comme le fait d’avoir un espace si petit et pourtant quatre zones climatiques différentes !... Et puis cette langue mystérieuse que parlent les autochtones coiffés de ces non moins curieux bérets…, tout concourt à faire de la terre des Basques, un paradis des légendes ! </t>
  </si>
  <si>
    <t>15:30:00:00</t>
  </si>
  <si>
    <t>P0843367</t>
  </si>
  <si>
    <t>L'Espagne vue du ciel : Le littoral ibérique</t>
  </si>
  <si>
    <t>Aerial Spain</t>
  </si>
  <si>
    <t>The Spanish Coasts and Beaches</t>
  </si>
  <si>
    <t>Spain</t>
  </si>
  <si>
    <t>Rubén Artalejo</t>
  </si>
  <si>
    <t>Partez à la découverte des régions côtières espagnoles. Avec ses 7 880 kilomètres de côtes, l’Espagne possède l’une des zones côtières parmi les plus riches d’Europe. Du nord au sud, d’est en ouest ou sur les îles, les littoraux espagnols promettent une géographie, une culture et des paysages d’une grande diversité qui font toute la singularité du pays. Découvrez ces terres ainsi que ce qui vaut à l’Espagne son surnom de pays du soleil.</t>
  </si>
  <si>
    <t>16:45:00:00</t>
  </si>
  <si>
    <t>P0845482</t>
  </si>
  <si>
    <t>Vues d'en haut : Du Limousin aux Pyrénées</t>
  </si>
  <si>
    <t>The World From Above</t>
  </si>
  <si>
    <t>France - Oradur-sur-Glane to Puilarens Castle (FRA)</t>
  </si>
  <si>
    <t>00:30</t>
  </si>
  <si>
    <t>United Kingdom</t>
  </si>
  <si>
    <t>Josh Halil,Richard Mervyn</t>
  </si>
  <si>
    <t>Notre périple débute en plein cœur de la France, sur les ruines d'Oradour-sur-Glane, autrefois village florissant devenu aujourd’hui symbole des sévices de la guerre. Cap ensuite vers le sud et la région du Lot, où nous attend le spectaculaire village de Rocamadour, perché sur le flanc d’une falaise. Nous longeons la Dordogne jusqu’à l’ancienne ville portuaire de Bergerac avant d’explorer les châteaux et vignobles de la vallée du Lot. Nous arrivons ainsi à Cahors, célèbre pour son pont, puis à Toulouse, quatrième métropole française, située au cœur de la région Midi-Pyrénées et foyer du géant aéronautique Airbus. Depuis la ville fortifiée de Carcassonne, nous nous enfonçons dans les contreforts des Pyrénées et achevons notre aventure dans le merveilleux château de Puilaurens, niché au cœur de villages médiévaux et de vignobles ondoyants.</t>
  </si>
  <si>
    <t>17:20:00:00</t>
  </si>
  <si>
    <t>P0847234</t>
  </si>
  <si>
    <t>Vues d'en haut : En Irlande du Nord</t>
  </si>
  <si>
    <t>Ireland - Mourne Mountains to Derry (FRA)</t>
  </si>
  <si>
    <t>Notre aventure débute sur les cimes enveloppées de nuages des montagnes de Mourne. Après un passage par Strangford Lough et par la ville historique de Killyleagh, nous prenons la direction de Belfast et de ses monuments les plus emblématiques. Cap ensuite vers le château de Carrickfergus puis vers Lough Neagh, plus grand lac d’eau douce d’Irlande. Nous volons jusqu’à la côte d’Antrim, où nous attend la chaussée des géants, l’un des plus célèbres sites naturels d’Irlande du Nord. Après une rapide visite à Portrush, nous partons explorer d’autres ruines antiques qui longent la côte. À Derry, l’une des dernières villes fortifiées d’Irlande, nous achevons notre périple dans le monastère de Devenish Island, bâti il y a plus d’un millénaire.</t>
  </si>
  <si>
    <t>17:50:00:00</t>
  </si>
  <si>
    <t>18:55:00:00</t>
  </si>
  <si>
    <t>V1017171</t>
  </si>
  <si>
    <t>Les Etats-Unis à portée de main : Du Far West à Hollywood</t>
  </si>
  <si>
    <t>USA by train</t>
  </si>
  <si>
    <t>Du Far West à Hollywood</t>
  </si>
  <si>
    <t>Rita Knobel-Ulrich</t>
  </si>
  <si>
    <t>Le train part de Manhattan, passe par le delta du Mississippi et la Nouvelle Orléans, puis par Memphis (la ville d'Elvis dans le Tennessee) et Chicago puis encore à l'Ouest jusqu'à la ville de Dodge (Albuquerque, Nouveau Mexique) et dépasse le Grand Canyon pour arriver enfin à Los Angeles : un total de 7,500 km en 6 jours. Ce moyen de voyager procure tranquillité et détente. En cours de route, on peut regarder par les fenêtres, faire une sieste, discuter avec d'autres voyageurs, lire un livre ou apprécier un repas. Tout cela sans embouteillage, pollution ou autres frustrations. On peut rencontrer des personnes venues de tout horizon, tout en appréciant la scène : les paysages, les villes immenses, les pleines ouvertes, les déserts, les montagnes accidentées, ainsi que les palmeraies et l'océan... Tout cela en train aux Etats-Unis.</t>
  </si>
  <si>
    <t>20:00:00:00</t>
  </si>
  <si>
    <t>P0806817</t>
  </si>
  <si>
    <t>En train à travers... Le Vietnam</t>
  </si>
  <si>
    <t>Across Vietnam by train</t>
  </si>
  <si>
    <t>Philippe Abresch</t>
  </si>
  <si>
    <t>Près de 40 ans se sont écoulés depuis la fin de la guerre et ce pays autrefois divisé s’éveille, vibrant, éclatant, au chaos plus grand encore que n’importe quelle nation d’Asie du Sud-Est. L’Express de la réunification, la plus longue ligne de chemin de fer du pays qui relie chaque jour le nord au sud, constitue la liaison la plus importante. D’une longueur de 1 736 kilomètres, elle part de Hanoï, la capitale, à destination de Ho-Chi-Minh-Ville, aussi appelée Saigon et deuxième métropole du Vietnam. Nous suivrons les aventures des passagers et du personnel du train lors de la longue traversée de ce pays fascinant. Chez les uns, les compartiments étroits permettront de tisser des liens entre voyageurs. Les amoureux des grandes étendues, quant à eux, admireront le panorama saisissant qui se déploie de l’autre côté des fenêtres, au milieu des champs de lotus du sud de Hanoï. À gauche : la côte, ses palmiers et ses eaux bleutées. À droite : des montagnes, des forêts et les grottes du Massif Central vietnamien.</t>
  </si>
  <si>
    <t>20:50:00:00</t>
  </si>
  <si>
    <t>P0897612</t>
  </si>
  <si>
    <t>Algérie secrète : Sahara, les trésors du désert</t>
  </si>
  <si>
    <t>Hidden Algeria</t>
  </si>
  <si>
    <t>Sahara</t>
  </si>
  <si>
    <t>Ian Sciacaluga</t>
  </si>
  <si>
    <t>Le troisième chapitre de cette odyssée algérienne est un récit de voyage qui couvre plus de 1 900 kilomètres - de la "Porte du Sahara" dans l'ancienne colonie berbère de Ghouffi à l'Assekrem, et qui signifie littéralement "la fin du monde", située à l'extrême sud du Sahara algérien. Le grand désert est un paysage aride mais varié où les cultures, tant religieuses que nomades, se sont adaptées au climat impitoyable pendant des milliers d'années. Nous visitons les châteaux berbères de Timimoun et les villes mozabites circulaires de la vallée du Mzab. Nous découvrons les Ibadi qui ont cherché un éternel refuge dans le désert. Nous visitons les Touaregs de Tamanrasset et entendons la douce musique de l'instrument Imzad. Ce grand voyage se termine par l'incroyable histoire de Charles de Foucauld, un officier de la légion étrangère qui a trouvé Dieu dans les montagnes volcaniques de l'Hoggar.</t>
  </si>
  <si>
    <t>21:50:00:00</t>
  </si>
  <si>
    <t>P0897613</t>
  </si>
  <si>
    <t>Algérie secrète : Carnets de voyage</t>
  </si>
  <si>
    <t>Compilation</t>
  </si>
  <si>
    <t>Explorons l'un des pays les moins connus de notre planète, l'Algérie. Partons à la découverte de sa capitale Alger, des villes côtières qui ont défini cette nation nord-africaine et du grand désert du Sahara qui représente 70% de son territoire. L'Algérie est un pays qui a obtenu son indépendance il y a moins de 70 ans, mais son histoire remonte au premier homme qui chassait dans les forêts du désert du Sahara, autrefois luxuriant. C'est un pays aux paysages contrastés - de montagnes, de mer et de sable - composé d'une multitude de tribus berbères et de traditions culturelles anciennes. Joyau inexploré, l'Algérie dévoile ses secrets.</t>
  </si>
  <si>
    <t>22:45:00:00</t>
  </si>
  <si>
    <t>23:45:00:00</t>
  </si>
  <si>
    <t>24:40:00:00</t>
  </si>
  <si>
    <t>25:40:00:00</t>
  </si>
  <si>
    <t>26:30:00:00</t>
  </si>
  <si>
    <t>Voyages en bandes</t>
  </si>
  <si>
    <t>David Rybojad</t>
  </si>
  <si>
    <t>27:30:00:00</t>
  </si>
  <si>
    <t>V1022667</t>
  </si>
  <si>
    <t>J'irai dormir chez vous : Cap-Vert</t>
  </si>
  <si>
    <t>J'irai dormir chez vous</t>
  </si>
  <si>
    <t>Cap-Vert</t>
  </si>
  <si>
    <t>Antoine De Maximy</t>
  </si>
  <si>
    <t>Pour ce nouvel épisode Antoine nous entraîne au Cap-Vert. Situé au large du Sénégal, l'archipel compte une dizaine d'île. Il y règne une atmosphère particulière, mélange d'Antilles, de Brésil et d'Afrique. Antoine commence son voyage sur l'île de Boa Vista. On trouve ici d'immenses complexes hôteliers. C'est dimanche et il débarque en pleine kermesse. Il fait la connaissance d'Alex et Crisolita, qui l'invitent spontanément chez eux. Deuxième étape, Praia, la capitale, située sur l'île de Santiago. Au marché, il rencontre Manuel, un producteur de musique démotivé par le piratage de ses productions. Antoine termine son voyage sur Fogo, une île volcanique qui culmine à près de trois mille mètres. Pour terminer, Antoine loue une voiture pour aller explorer le volcan. Il y découvre avec surprise un village à l'intérieur.</t>
  </si>
  <si>
    <t>29:15:00:00</t>
  </si>
  <si>
    <t>08/11/2020</t>
  </si>
  <si>
    <t>P0893955</t>
  </si>
  <si>
    <t>Découvrir le monde : Au départ de Marrakech, entre mer et montagnes</t>
  </si>
  <si>
    <t>Au départ de Marrakech, entre mer et montagnes</t>
  </si>
  <si>
    <t>P0815554</t>
  </si>
  <si>
    <t>Maroc : les villes impériales</t>
  </si>
  <si>
    <t>Jacques Vichet</t>
  </si>
  <si>
    <t>Une grande partie de l’histoire du Maroc se retrouve dans ses villes impériales, au cœur du pays.  Différents sultans et empereurs issus de dynasties marocaines se succèdent, chacun désignant sa capitale. Marrakech, ou la « Perle du sud », recèle de nombreux joyaux comme sa célèbre Médina. Le Palais de Bahia, construit vers 1880, est l’une de ses splendeurs immanquables, comme l’immense place Djemaa el-Fna ou la célèbre mosquée de la Koutoubia. Meknès, fondée par le sultan alaouite Moulay Ismail en 1672, a gardé toute sa fraicheur. Construite au fur et à mesure des dynasties, l’on y visite le Musée Dar-Jamaï, la médersa Bou-Inania et le mausolée de Moulay Ismaïl comme si l’on remontait le temps. Fèz est riche d’une histoire qui traverse plus de 12 siècles. Elle a su faire cohabiter le contemporain et les vestiges du 13ème siècle édifiés par les Mérinides. Le site de Volubilis conserve quant à lui des ruines de l’époque romaine qui en font le fleuron et le témoin de l’architecture antique du Maroc.</t>
  </si>
  <si>
    <t>V1023225</t>
  </si>
  <si>
    <t>En train à travers... Le Brésil</t>
  </si>
  <si>
    <t>By Train Through</t>
  </si>
  <si>
    <t>By Train Through Brazil</t>
  </si>
  <si>
    <t>Petra Spamer-Riether</t>
  </si>
  <si>
    <t>Aventuriers en quête de nouvelles découvertes, femmes nettoyant des émeraudes, des pierres précieuses... autant de rencontres pendant le voyage de 13h à bord du Gem Express qui relie la ville de Belo Horizonte à la ville portuaire de Vitoria au nord de Rio De Janeiro en passant par Ouro Preto, ancienne ville de l'Or noir désormais classée au patrimoine mondial. Traversez des paysages fascinants, des grandes mines à ciel ouvert du Brésil aux forêts vierges luxuriantes le long du Rio Doce, aux plages spectaculaires du port de Vitoria.</t>
  </si>
  <si>
    <t>P0833866</t>
  </si>
  <si>
    <t>Trésors vus du ciel : L'Irlande</t>
  </si>
  <si>
    <t>Undiscovered Vistas</t>
  </si>
  <si>
    <t>Ireland</t>
  </si>
  <si>
    <t>Canada</t>
  </si>
  <si>
    <t>Dan Hughes</t>
  </si>
  <si>
    <t>Si l’Irlande est petite par sa taille, les merveilles qu’elle abrite sont infinies. Encerclée par les eaux vigoureuses de l’océan Atlantique, cette petite île à la beauté sauvage est coutumière des fortes vagues et de la pluie battante. Les glaciers ont sculpté ses sommets et ses vallées. Des majestueuses falaises de Moher à l’extraordinaire Chaussée des Géants, les terres irlandaises ont été façonnées par le pouvoir de l’eau et de puissantes forces géologiques. Les montagnes, les falaises, les vallées et les lacs de l’Irlande poursuivront leur évolution au fil des siècles, bien après le passage de nous autres mortels.</t>
  </si>
  <si>
    <t>15:05:00:00</t>
  </si>
  <si>
    <t>16:00:00:00</t>
  </si>
  <si>
    <t>P0807440</t>
  </si>
  <si>
    <t>Le Japon entre ciel et terre : L'île dans les nuages</t>
  </si>
  <si>
    <t>Le Japon entre ciel et terre</t>
  </si>
  <si>
    <t>L'île dans les nuages</t>
  </si>
  <si>
    <t>Eric Beaufills,Thomas Cazals</t>
  </si>
  <si>
    <t>Le Japon, pays du soleil levant, terre de feu sculptée par les volcans et les traditions, est une grande puissance économique mondiale. A l’extrême Nord, Hokkaido, ancienne terre sacrée de la tribu Ainu, vaste paradis naturel, est l’une des quatre grandes îles de l’archipel. Ce voyage entre terre et ciel, volcans et lacs transparents, au fil des quatre saisons, raconte l’histoire unique de ces hommes qui vivent en harmonie avec la nature.</t>
  </si>
  <si>
    <t>17:00:00:00</t>
  </si>
  <si>
    <t>18:00:00:00</t>
  </si>
  <si>
    <t>P0828981</t>
  </si>
  <si>
    <t>Les plus beaux treks : La traversée de la Réunion</t>
  </si>
  <si>
    <t>La traversée de la Réunion</t>
  </si>
  <si>
    <t>Au fil des années, l’île de la Réunion est devenue une destination trek très fréquentée et connue aussi bien en métropole qu’à l’international ! Avec son relief volcanique ultra spectaculaire, ses cirques, ses sommets et son volcan en activité, la Réunion concentre sur son territoire une multitude d’environnements, tous propices à des excursions inoubliables. Dans la foulée de la « Diagonale des fous », cette course de tous les superlatifs qui traverse l’île sur 160 km et qui s’est imposée comme une des épreuves les plus célèbres au monde, l’île de la Réunion a développé un tourisme vert très bien structuré, avec des hébergements de toute sorte et en particulier chez l’habitant, et une variété d’activités impossibles à trouver ailleurs sur un territoire de cette taille. La randonnée est désormais pleinement inscrite dans l’ADN de l’île, qui se définit elle-même comme « intense » et qui est le terrain de jeu favori de Rudy Laurent, l’accompagnateur de montagne qui nous guide sur cette traversée de la Réunion !</t>
  </si>
  <si>
    <t>P0828978</t>
  </si>
  <si>
    <t>Les plus beaux treks : Cévennes, le chemin de Stevenson</t>
  </si>
  <si>
    <t>Cévennes, le chemin de Stevenson</t>
  </si>
  <si>
    <t>Le chemin de Stevenson, qui s’appelle aussi GR70, est un itinéraire empreint de littérature puisqu’il tient son nom de l’écrivain voyageur Robert Louis Stevenson. Celui-ci le parcourut au XIXème siècle, en compagnie d’un âne, et en tira un roman qui rendit l’itinéraire célèbre. À cette époque, les explorateurs et écrivains anglais venaient se perdre dans les campagnes françaises les plus reculées, qu’ils considéraient comme des terres sauvages et quasi inexplorées ! Un parfum d’aventure au long court qui est resté dans l’ADN de ce chemin long de 270 km entre le Puy-en-Velay et Saint-Jean-du-Gard. C’est le chemin des grands espaces de la Lozère, des légendes du Gévaudan ou encore des Cévennes qui ont toujours été une terre rebelle. Marion Bailly, accompagnatrice de montagne, va nous guider sur ce chemin mythique. Elle a déjà une belle expérience du chemin, qu’elle parcourt régulièrement et intégralement, pour emmener ses clients sur ce bout de France qui a su préserver son environnement et garder son identité.</t>
  </si>
  <si>
    <t>P0897564</t>
  </si>
  <si>
    <t>Découvrir le monde : Dakhla, Grand Sud</t>
  </si>
  <si>
    <t>Dakhla, Grand Sud</t>
  </si>
  <si>
    <t>Horizons : Le Maroc, une civilisation millénaire</t>
  </si>
  <si>
    <t>Horizons (collection Productions)</t>
  </si>
  <si>
    <t>Le Maroc, une civilisation millénaire</t>
  </si>
  <si>
    <t>Daniel Lafarge,Eric Bacos</t>
  </si>
  <si>
    <t>Des destinations de rêve. Des souvenirs inoubliables. Découvrez la magie et la beauté de destinations parmi les plus enchanteresses au monde; leurs merveilles naturelles, leurs monuments prestigieux et leurs splendeurs artisanales. De villes riches en histoire, en paysages magnifiquement préservés, la série Horizons propose un périple au cœur des traditions et des hauts lieux de contrées unanimement célébrées.</t>
  </si>
  <si>
    <t>23:40:00:00</t>
  </si>
  <si>
    <t>27:25:00:00</t>
  </si>
  <si>
    <t>28:20:00:00</t>
  </si>
  <si>
    <t>29:40:00:00</t>
  </si>
  <si>
    <t>09/11/2020</t>
  </si>
  <si>
    <t>V1021423</t>
  </si>
  <si>
    <t>Croisière : Brésil</t>
  </si>
  <si>
    <t>Croisière</t>
  </si>
  <si>
    <t>Brésil, un balcon sur l'Atlantique</t>
  </si>
  <si>
    <t>Alain Dayan</t>
  </si>
  <si>
    <t xml:space="preserve">L'identité du plus grand pays d'Amérique Latine est infiniment complexe. Ce film raconte l'histoire du "Brésil Atlantique" : ces villes construites sur la côte, dès les débuts de la colonisation portugaise. Il nous fait naviguer le long du littoral, en faisant escale dans certaines des plus belles villes du pays. D'abord, à Sao Paulo : ville de 20 millions d'habitants, plus grande ville d'Amérique du Sud, poumon économique du pays, la ville n'en finit pas de cultiver les superlatifs. Puis, nous faisons route vers Santos, et Parati, sans doute la plus belle ville coloniale du pays. Au matin suivant, nous abordons la baie de Guanabara, où le Corcovado dominé par la statue gigantesque du Christ, est devenu le symbole de la ville de Rio de Janeiro. Plus au nord, nous accostons à Salvador de Bahia, la plus africaine des villes brésiliennes. </t>
  </si>
  <si>
    <t>P0799155</t>
  </si>
  <si>
    <t>Regarde le monde : Au fil de l'eau</t>
  </si>
  <si>
    <t>Regarde le monde</t>
  </si>
  <si>
    <t>Au fil de l'eau</t>
  </si>
  <si>
    <t>Antonin Broutard,Aurélia Michon,Carole Pujol,Jean-Marc Chauvet,Laurent Gracia,Mathieu Despiau,Maxime Souville,Sophie Vernet,Virginie Berda,Yann Streff</t>
  </si>
  <si>
    <t>« Regarde le monde » dessine pour vous les contours des plus belles destinations du globe… Notre voyage au fil de l’eau débute sur le fleuve Casamance, au Sénégal où l’île de Karabane est la plus connue et la plus organisée de Casamance. Pour les cambodgiens, l’eau a une véritable valeur spirituelle, célébrée dans tout le pays ceint par les fleuves du Mékong et du Tonlé Sap. La régate annuelle de la fête de l’eau y célèbre la fin des saisons pluvieuses, le début de la saison de la pêche et de la récolte de riz. De l’autre côté du globe en Alaska, la pêche au saumon est une véritable religion… Chaque été, les pêcheurs attendent avec impatience ces poissons qui y reviennent par millions. Le voyage continue en Arménie où le paradis des pêcheurs se cache dans les hauteurs... à 2 000 mètres d’altitude, le lac Sevan est l’équivalent d’une mer intérieure d’eau douce. Enfin, à Londres, la Tamise révèle à marée basse des trésors insoupçonnés… Toutes les semaines, Fiona initie les touristes à l’archéologie.</t>
  </si>
  <si>
    <t>09:25:00:00</t>
  </si>
  <si>
    <t>P0831443</t>
  </si>
  <si>
    <t>Echappées belles : Au fil de la Garonne</t>
  </si>
  <si>
    <t>Echappées belles</t>
  </si>
  <si>
    <t>Au fil de la Garonne</t>
  </si>
  <si>
    <t>01:30</t>
  </si>
  <si>
    <t>Damien Pourageaux,Fred Mianne,Jean-Yves Cauchard,Laurent Bouit,Laurent Lichtensztajn,Olivier Corre,Olivier Lacaze,Pascal-André Villa,Simon Watel,Vincent Chaffard</t>
  </si>
  <si>
    <t xml:space="preserve">C’est en bateau que Rachel et Sophie découvrent les plus beaux monuments de Toulouse. Le passage de l’écluse St Michel, les îles du Ramier puis le cœur de la ville pour admirer les plus beaux monuments. Le bateau s’amarre au quai de La Daurade. Sophie se rend à Moissac où elle retrouve Jean Emmanuel, chasselatiers. Jean Emmanuel veut faire goûter à Sophie un sorbet crée uniquement avec les chasselas Ce raisin de table doit être traité avec énormément de délicatesse car il ne sera pas pressé pour du vin, mais dégusté ainsi. Ils vont ensuite jusqu’au pont-canal de Moissac où le canal latéral de la Garonne enjambe le fleuve. C’est justement ici que Cédric s’amuse avec son wakeboard. Sophie le rejoint pour essayer à son tour un téléski nautique et un wakeboard. Aurélie est animatrice de chantier. Entourées de jeunes venu passer des vacances « utiles », elle accueille Sophie à l’église d’Insos. </t>
  </si>
  <si>
    <t>P0863756</t>
  </si>
  <si>
    <t>Le Grand Tour de Suisse : Du Tessin à Appenzell</t>
  </si>
  <si>
    <t>Grand Tour de Suisse</t>
  </si>
  <si>
    <t>Tessin and Grisons</t>
  </si>
  <si>
    <t>Anja Glücklich,Christina Trebbi</t>
  </si>
  <si>
    <t>Le Tessin et les Grisons. Pour cette dernière partie de notre périple, nous partons du sud pour rejoindre la Suisse orientale, de la très méditerranéenne Locarno au plus vaste parc national, situé dans l’Engadine.</t>
  </si>
  <si>
    <t>P0886212</t>
  </si>
  <si>
    <t>Trajectoires d'Egypte : Le Nil</t>
  </si>
  <si>
    <t>Trajectoires d'Egypte</t>
  </si>
  <si>
    <t>Le Nil</t>
  </si>
  <si>
    <t>Romain Fleury</t>
  </si>
  <si>
    <t>P0897552</t>
  </si>
  <si>
    <t>Trajectoires d'Egypte : La mort</t>
  </si>
  <si>
    <t>La Mort</t>
  </si>
  <si>
    <t>15:00:00:00</t>
  </si>
  <si>
    <t>P0833104</t>
  </si>
  <si>
    <t>Les sentinelles de l'Afrique : Bénin</t>
  </si>
  <si>
    <t>Les sentinelles de l'Afrique</t>
  </si>
  <si>
    <t>Bénin, les gardiens des esprits</t>
  </si>
  <si>
    <t>Julien Naar</t>
  </si>
  <si>
    <t>À la rencontre des sentinelles du Bénin, les gardiens des esprits, qui œuvrent chaque jour pour préserver leur héritage spirituel. Direction Porto-Novo, capitale effervescente. Aux côtés des religions importées comme l’islam ou le christianisme, 50 millions d’adeptes répondent au culte vaudou ; comme Aténi, que nous suivons lors d’une cérémonie placée sous l’égide de Reviosso, dieu des orages et de la foudre. Dans la cité lacustre de Ganvié vit un peuple singulier, les Toffin. Rencontre dès l’aube avec Baba Fudji, sa famille et son compagnon de pêche Hubert pour une journée de travail en plein lac et à l’église pour les célébrations de Pâques. Direction la bouche du Roy aux côtés de Deen, membre de l’association Eco-Bénin, qui a eu une idée ingénieuse pour préserver le patrimoine naturel de son pays. Au Nord-Ouest du Bénin vivent les Somba, un peuple enrichi de ses traditions. On y retrouve Martial, le guérisseur du village. Demain, son fils s’en ira pour suivre le rite initiatique de passage à l’âge adulte.</t>
  </si>
  <si>
    <t>P0833107</t>
  </si>
  <si>
    <t>Les sentinelles de l'Afrique : Sénégal</t>
  </si>
  <si>
    <t>Sénégal, les sentinelles du fleuve</t>
  </si>
  <si>
    <t xml:space="preserve">Au Sénégal, les sentinelles du fleuve s’efforcent de préserver leur pays face aux problématiques environnementales de l’eau, menaçant inexorablement leur patrimoine. Notre voyage commence à Saint-Louis, rayonnante de sa gloire passée et inscrite au patrimoine mondial de l’humanité. Le quartier Guet N’dar est menacé par la montée des eaux. Réparateur de bicyclettes de père en fils, poète et sculpteur, Meissa Fall transforme des pièces détachées… en sculptures, qu’il dissémine à travers la ville. Rencontre ensuite avec Pape Lamine, qui supervise la peinture de sa pirogue de pêche. À Kayar, Elimane et Ngalgou vont à la rencontre d’une femme hors du commun, Yayi Bayam Diouf, luttant contre la migration clandestine qui lui a pris son seul enfant. Dans la région du Sine Saloum, Mariama récolte et prépare les huîtres selon la tradition. Enfin, au Lac Rose, Ousmane se confie sur son quotidien difficile de racleur de sel et nous donne une magnifique leçon de résilience, et de courage. </t>
  </si>
  <si>
    <t>17:05:00:00</t>
  </si>
  <si>
    <t>P0846399</t>
  </si>
  <si>
    <t>En train à travers le Myanmar : 2ème étape</t>
  </si>
  <si>
    <t>Myanmar</t>
  </si>
  <si>
    <t>Episode 2</t>
  </si>
  <si>
    <t>Robert Hetkämper</t>
  </si>
  <si>
    <t>Loin de l’effervescence des grandes villes, le temps semble s’être arrêté. « La vie n’est pas facile », raconte un agriculteur du centre du pays, où le climat est chaud et aride, et où l’on laboure encore la terre avec des chars à bœufs. Bagan, ville aux temples mystiques, est aussi célèbre pour son atmosphère que pour ses milliers de pagodes. Au milieu des touristes et des vendeurs de souvenirs, Robert Hetkämper tombe nez à nez avec deux vieilles connaissances.</t>
  </si>
  <si>
    <t>19:00:00:00</t>
  </si>
  <si>
    <t>P0847281</t>
  </si>
  <si>
    <t>Vues d'en haut : Le sud de l'Italie</t>
  </si>
  <si>
    <t>Italy - Urbino to Trani (FRA)</t>
  </si>
  <si>
    <t>Richard Mervyn,Richard Mervyn</t>
  </si>
  <si>
    <t>Notre périple débute dans la ville fortifiée d’Urbino, l’un des symboles de l’incroyable héritage laissé par la Renaissance. Cap au sud pour rejoindre la ville animée de Pescara, avant de nous enfoncer à l’intérieur des terres et de survoler montagnes et forêts luxuriantes vers Lucera et son amphithéâtre romain resté intact. Nous parcourons ensuite la cité troglodytique de Matera, située au fond d’un profond canyon et classée au patrimoine mondial de l’UNESCO. Notre aventure se conclut dans le port de pêche de Trani, non loin du célèbre « talon » de l’Italie.</t>
  </si>
  <si>
    <t>19:30:00:00</t>
  </si>
  <si>
    <t>P0847282</t>
  </si>
  <si>
    <t>Vues d'en haut : Sur le chemin de Compostelle</t>
  </si>
  <si>
    <t>Spain - Cudillero to Monterrei Castle (FRA)</t>
  </si>
  <si>
    <t>Point de départ de notre aventure : Cudillero, ville balnéaire pittoresque située sur la côte nord-ouest de l’Espagne. Nous longeons ensuite le littoral jusqu’à la plage des cathédrales, avec ses arches naturelles et ses grottes somptueuses. Nous rejoignons la tour d’Hercule, ancien phare romain perché sur un promontoire, puis le cap Finisterre, péninsule rocheuse stupéfiante. Nous nous enfonçons à l’intérieur des terres en direction de Saint-Jacques-de-Compostelle, lieu de pèlerinage et monastère illustres. Nous descendons le Miño jusqu’à la ville romaine fortifiée de Lugo et concluons notre voyage au château de Monterrey, sur une colline surplombant la ville de Verin, à la frontière portugaise.</t>
  </si>
  <si>
    <t>20:05:00:00</t>
  </si>
  <si>
    <t>Gare centrale : Une pendule cosmique (Zurich, Suisse)</t>
  </si>
  <si>
    <t>Gare centrale</t>
  </si>
  <si>
    <t>Une pendule cosmique (Zurich, Suisse)</t>
  </si>
  <si>
    <t>Jean-Thomas Renaud</t>
  </si>
  <si>
    <t>P0767184</t>
  </si>
  <si>
    <t>Gare centrale : Mumbai, CST</t>
  </si>
  <si>
    <t>Mumbai, CST</t>
  </si>
  <si>
    <t>Anciennement Victoria Station, la gare de Mumbai est aujourd'hui la plus fréquentée au monde, avec des trains bondés qui accueillent jusqu’à 14 passagers au mètre-carré ! Mais c’est aussi un monument symbolique de la ville, avec son architecture fusion, entre style victorien et celui des palais de Maharadjahs. Une découverte de ce lieu digne de Bollywood, et si cher au cœurs des indiens.</t>
  </si>
  <si>
    <t>28:00:00:00</t>
  </si>
  <si>
    <t>28:30:00:00</t>
  </si>
  <si>
    <t>29:30:00:00</t>
  </si>
  <si>
    <t>10/11/2020</t>
  </si>
  <si>
    <t>P0864629</t>
  </si>
  <si>
    <t>Découvrir le monde : Algérie - Grande Bleue, Grand Sud</t>
  </si>
  <si>
    <t>Algérie - Grande Bleue, Grand Sud</t>
  </si>
  <si>
    <t>Pierre Brouwers nous ouvre les portes de l’Algérie et explore ses contrées magnifiques. Cet immense pays a de nombreuses richesses à offrir, tant sur le plan culturel que naturel. Au Nord de l’Algérie, le littoral est épargné par le béton et les montagnes majestueuses de Kabylie ont conservé leur authenticité. Les ruelles des vieilles casbahs et les vestiges laissés au fil des siècles rappellent l’histoire des peuples et des empires conquérants. Au Sud, les portes du désert algérien, océan de sable et de pierres que l’on peut contempler au coucher du soleil depuis le plateau de l’Assekrem.</t>
  </si>
  <si>
    <t>P0799159</t>
  </si>
  <si>
    <t>Regarde le monde : Jardins d'ailleurs</t>
  </si>
  <si>
    <t>Jardins d'ailleurs</t>
  </si>
  <si>
    <t>« Regarde le monde » dessine pour vous les contours des plus belles destinations du globe… Au Japon, cultiver son jardin est un art à part entière... L’ikebana y est aussi une philosophie et pas seulement un arrangement floral. Au large des Caraïbes, il existe un jardin grandeur nature : la Martinique… Appelée Madinina, l’île aux fleurs, par les Indiens de la Caraïbe, sa biodiversité est l’une des plus riches au monde. La forêt s’étend sur la moitié du territoire martiniquais, dont une partie est uniquement accessible à pied. Notre voyage continue vers l’Eden de Malte : la sauvage et rocailleuse île de Comino… Chaque dimanche matin, le Père Carmello se rend par bateau sur cette île, sanctuaire animalier et ancien repère de pirates, pour y célébrer la messe. Au Mexique, c’est la capitale Mexico, qui cache l’un des plus beaux trésors naturels car historiquement édifiée sur un lac par les Aztèques… Enfin, au royaume des fleurs et des plantes, l’île de Jersey est souveraine et son économie est florissante.</t>
  </si>
  <si>
    <t>P0831444</t>
  </si>
  <si>
    <t>Echappées belles : Équateur, à la frontière du monde</t>
  </si>
  <si>
    <t>Équateur, à la frontière du monde</t>
  </si>
  <si>
    <t xml:space="preserve">Sophie arpente les routes sinueuses des Andes vers Otavalo. Elle retrouve Lucia pour une visite du fameux marché artisanal otavaleño. La région est en effet reconnue pour l’expertise de centaines et centaines d’artisans qui perpétuent les traditions quechuas. Il y a là un tisserand qui travaille la laine de brebis, là un producteur d’alpaga, ou encore un céramiste ou un sculpteur sur bois… Dans le village de Peguche, Lucia fabrique des instruments de musique comme des flûtes de pan. Sophie prend la route panaméricaine pour se diriger vers Quito. En chemin, des panneaux singuliers indiquent qu’elle s’approche de la « Mitad del Mundo », la moitié du monde. Sur le site de Quitsato, au milieu de nulle part, un énorme cadran solaire a été érigé en 2006 sur la ligne équatoriale. Gabriela et Sophie arrivent dans le quartier de Guápulo, où l’on peut descendre le camino de Orellana, le chemin qu’a emprunté le conquistador du même nom pour sortir de la ville et naviguer sur l’Amazone jusqu’à l’océan Atlantique… </t>
  </si>
  <si>
    <t>P0849832</t>
  </si>
  <si>
    <t>Les plus beaux treks : La Nouvelle-Calédonie</t>
  </si>
  <si>
    <t>La Nouvelle-Calédonie</t>
  </si>
  <si>
    <t>La Nouvelle-Calédonie, c’est un peu la Terra Incognita du trek. Et pourtant, la grande île de 400 km de long, avec sa chaine de montagne comme épine dorsale, a tout pour offrir un terrain de jeu fantastique pour ceux qui veulent tenter l’aventure. Deux sentiers de grande randonnée ont vu le jour ces dernières années sur la Grande Terre, l’île principale. Le GR Sud qui traverse sur une centaine de kilomètres le grand Sud sauvage, et le GR Nord, plus récent encore, et radicalement différent puisque son tracé propose une immersion dans les forêts de la côte Est, et surtout un voyage au cœur de la culture Kanak. Deux sentiers parfaitement balisés et entretenus, labélisés par la Fédération Française de Randonnée, et que nous allons arpenter, guidé par Lucie qui est accompagnatrice en montagne et totalement passionnée par son métier.</t>
  </si>
  <si>
    <t>P0847284</t>
  </si>
  <si>
    <t>Vues d'en haut : Lacs et montagnes suisses</t>
  </si>
  <si>
    <t>Switzerland - Lake Neuchatel to The Eiger (FRA)</t>
  </si>
  <si>
    <t>Depuis le lac cristallin de Neuchâtel, nous sillonnons les vignobles du lac Léman jusqu’au célèbre lieu de villégiature français d’Évian-les-Bains. Nous traversons ensuite le lac Léman afin d’admirer la splendeur de Genève et de la plus haute fontaine d’Europe, dont l’eau est projetée à 140 mètres de hauteur. Nous survolons les spectaculaires pyramides de pierre d’Euseigne ainsi que les fascinantes contrées sauvages des Alpes suisses pour rejoindre Gstaad, plus au nord. Notre odyssée s’achève sur le fabuleux glacier de l’Eiger, connu des alpinistes et des aventuriers du monde entier.</t>
  </si>
  <si>
    <t>12:30:00:00</t>
  </si>
  <si>
    <t>P0847245</t>
  </si>
  <si>
    <t>Vues d'en haut : La Suisse au fil de l'eau</t>
  </si>
  <si>
    <t>Switzerland - Rheinau to Creux du Van (FRA)</t>
  </si>
  <si>
    <t>Notre périple débute par la visite de l’impressionnante abbaye de Rheinau, dans le nord-est de la Suisse. Nous faisons un bref détour par l’Allemagne afin d’explorer les ruines du château médiéval de Küssaberg, avant de prendre la direction de Zurich et de son lac scintillant au sud. Cap ensuite vers Bâle, cœur culturel de la Suisse, puis vers Berne, capitale administrative du pays dont la vieille ville médiévale est inscrite au patrimoine mondial de l’UNESCO. À Avenches, nous partons à la découverte d’un amphithéâtre romain qui continue d’attirer et de divertir les foules 2 000 ans après sa construction. Suite à la traversée du lac de Neuchâtel, notre voyage s’achève au cœur d’un parc naturel et des falaises vertigineuses du Creux du Van.</t>
  </si>
  <si>
    <t>P0785169</t>
  </si>
  <si>
    <t>Cuba, l'île sanctuaire : L'esprit de la Havane</t>
  </si>
  <si>
    <t>Cuba, l'île sanctuaire</t>
  </si>
  <si>
    <t>L’esprit de la Havane</t>
  </si>
  <si>
    <t>Pierre Belet</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avanais, ces femmes et ces hommes qui entretiennent chaque jour cet art de vivre propre à la capitale cubaine, lieu au charme unique.
Des artistes du Callejon de Hamel aux défenseurs chevronnés du patrimoine architectural de la ville, nous découvrirons comment l’esprit de La Havane a façonné une cité originale à la modernité inattendue.</t>
  </si>
  <si>
    <t>14:00:00:00</t>
  </si>
  <si>
    <t>P0785170</t>
  </si>
  <si>
    <t>Cuba, l'île sanctuaire : Les mondes intérieurs</t>
  </si>
  <si>
    <t>Les mondes intérieurs</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ommes et des femmes qui entretiennent chaque jour cet art de vivre à la cubaine, mélange d’un patrimoine revendiqué et symbole d’une société tournée vers l’avenir.
Des danseurs traditionnels de tumba francesa aux Cocodrileros de la Baie des Cochons, en passant par les producteurs de cigares et des scientifiques soucieux de préserver la biodiversité unique de l’île, nous découvrirons comment l’esprit cubain a façonné une société originale empreinte d’une modernité insoupçonnée.</t>
  </si>
  <si>
    <t>P0834691</t>
  </si>
  <si>
    <t>Routes mythiques : Cuba, sur les traces du Che</t>
  </si>
  <si>
    <t>Routes mythiques</t>
  </si>
  <si>
    <t>Cuba, sur les traces du Che</t>
  </si>
  <si>
    <t>Agnieszka Ziarek,Christophe Cousin,Julien Naar,Marc Mopty,Sybille Le Barrois D'Orgeval,Sébastien Lafont,Yves Legrain Crist</t>
  </si>
  <si>
    <t>Dans ce carnet de route à Cuba, Marc Mopty marche dans les pas du Commandante Ernesto Guevara et de ses compagnons de route. De l’abordage chaotique en 1956 dans la Sierra Maestra avec l’équipage de Fidel Castro, à la victoire contre le régime de Batista, le réalisateur retrace le parcours historique du Che. Ce périple, il le fait à l’envers en commençant par La Havane. Au fil des rencontres et des témoignages d’anciens compagnons, Marc choisit de séparer le mythe de la star révolutionnaire, de la réalité d’un Cuba en transition. Tous les cubains, ou presque, entretiennent le mythe du Che. Et pourtant, en parcourant l’île d’Est en Ouest, il rencontre des marginaux qui préfèrent mettre leurs espoirs dans un Cuba qui change. Ce film évoque ce héros devenu une icône du XXème siècle et pose la question : tous ces jeunes, petits-enfants du Che, sont-ils aujourd’hui ses véritables héritiers ? Le confort a pris le dessus sur l’idéologie. Pour ces générations qui ne se sont pas battues pour un « monde meilleur ».</t>
  </si>
  <si>
    <t>16:05:00:00</t>
  </si>
  <si>
    <t>V1023071</t>
  </si>
  <si>
    <t>Les Trains de l'Extrême : Cuba, la route du sucre</t>
  </si>
  <si>
    <t>Tough Trains</t>
  </si>
  <si>
    <t>Sugar Train Cuba</t>
  </si>
  <si>
    <t>00:50</t>
  </si>
  <si>
    <t>Chris Ledger,Kay Tooth,Lisa Dupenois,Navin Thapar</t>
  </si>
  <si>
    <t>Dans cet épisode, Ian Wright se rend à Cuba. Sur cette île, la plus grande des caraïbes, il suit les traces d'une ligne ferroviaire dont les trains sont excessivement vétustes et toujours en retard. Pourtant, Cuba fut une des premières nations au monde à se doter d'un réseau ferré, pour transporter la production de sucre dans toute l'île. C'est à bord de ce train historique, sur la route du sucre, que Ian visite Cuba : de La Havane à Trinidad, en passant par Santa Clara et Cienfuegos.</t>
  </si>
  <si>
    <t>P0809072</t>
  </si>
  <si>
    <t>Croisière : Au fil du Rhône</t>
  </si>
  <si>
    <t>Au fil du Rhône</t>
  </si>
  <si>
    <t>Alain Dayan,Christophe Boyer</t>
  </si>
  <si>
    <t>Reliant les Alpes où il prend sa source, à la Méditerranée où il se jette, le Rhône s'impose dès l'Antiquité comme le trait d'union naturel entre le monde romain et le reste de la Gaule. Un rôle qui ne fera que s'affirmer au cours des longs siècles de l'Histoire de France. A bord de notre bateau, le Van Gogh, nous commencerons notre voyage dans le delta du Rhône. Après la découverte du Parc Naturel de Camargue et des Sainte-Marie de la Mer, nous remonterons le cours du fleuve pour rejoindre Arles et ses trésors d'architecture romaine, puis Avignon la cité des Papes. Pénétrant au cœur de la vallée du Rhône que domine la silhouette de nombreux villages médiévaux, nous ferons escale au pied de la pittoresque et historique cité de Viviers. Poursuivant vers le nord, nous naviguerons entourés de collines et de vignobles s'offrant aux rayons du soleil couchant. Après la découverte du célèbre terroir de Croze-Hermitage, nous continuerons notre voyage en direction de Vienne, puis de Lyon.</t>
  </si>
  <si>
    <t>V1023226</t>
  </si>
  <si>
    <t>En train à travers... L'Andalousie</t>
  </si>
  <si>
    <t>By Train Through Andalusia</t>
  </si>
  <si>
    <t>Bienvenue à bord du train de luxe "Al Andalus", à la découverte des taureaux et des apprentis toréros, à travers toute la région de l'Andalousie en Espagne. Al Andalus était le nom donné à cette région du temps de l'empire des Maures : une période d'essor culturel, symbolisée par l'Alhambra, le palais rouge. Notre périple commence à Séville, la capitale de la région, sur le parvis de la cathédrale. Le trajet du train va ensuite jusqu'à Cordoue, en passant par Cadix, Ronda et Grenade.</t>
  </si>
  <si>
    <t>P0847285</t>
  </si>
  <si>
    <t>Vues d'en haut : Le parc national de Glacier</t>
  </si>
  <si>
    <t>USA - Montana Glacier Natural Park to The Chinese Wall (FRA)</t>
  </si>
  <si>
    <t>Notre périple débute au-dessus du somptueux lac McDonald, niché en plein cœur de la forêt luxuriante du parc national de Glacier, dans l’État américain du Montana, l’une des plus belles réalisations de dame Nature. Nous empruntons la Going-to-the-Sun Road en direction du sud, passons la rivière Flathead jusqu’à la majestueuse Chief Mountain et descendons la vallée menant au col Logan au milieu d’immenses champs de fleurs sauvages. La muraille de Chine du Montana, une structure massive de plus de 3 000 mètres d’altitude, marque la fin de notre aventure.</t>
  </si>
  <si>
    <t>P0867267</t>
  </si>
  <si>
    <t>Echappées belles : Lyon gourmand</t>
  </si>
  <si>
    <t>Lyon gourmand</t>
  </si>
  <si>
    <t>Damien Pourageaux,Franck Poirier,Frédéric Mianne,Jean-Yves Cauchard,Laurent Bouit,Laurent Lichtenstein,Olivier Corre,Pascal-André Villa,Régis Muller,Simon Watel,Vincent Chaffard</t>
  </si>
  <si>
    <t>Sophie retrouve Grégory Cuilleron, l’animateur, aux Halles Paul Bocuse. Autrefois surnommé le « ventre » de Lyon, ce marché incontournable réunit plus de 60 producteurs. Rue de la Fromagerie, Grégory évoque l’Histoire de la gastronomie lyonnaise, qu’il connaît très bien. Ils se dirigent ensuite vers les plus belles traboules du Vieux Lyon. Il en existe 200 dans la ville ! Nos deux promeneurs prennent ensuite le funiculaire. Direction la basilique de Fourvière ! Ils y retrouvent Jean-Luc Chavent véritable figure de la vie lyonnaise. Jean-Luc, qui connaît les moindres recoins de la basilique, les invite à marcher sur la charpente métallique de la toiture et peuvent profiter d’une vue exceptionnelle ! Grégory et Sophie sortent du Vieux Lyon et explorent les rues de la Presqu’île. Christian Janiet, Meilleur Ouvrier de France fromager et ami de longue date du cuisinier, les attend pour leur faire visiter ses caves. Grégory et Sophie découvrent les 150 fromages de Christian, dans les différentes caves d’affinage.</t>
  </si>
  <si>
    <t>22:20:00:00</t>
  </si>
  <si>
    <t>23:20:00:00</t>
  </si>
  <si>
    <t>30:00:00:00</t>
  </si>
  <si>
    <t>11/11/2020</t>
  </si>
  <si>
    <t>P0897610</t>
  </si>
  <si>
    <t>Algérie secrète : Alger aux multiples facettes</t>
  </si>
  <si>
    <t>Algiers</t>
  </si>
  <si>
    <t xml:space="preserve">Ce premier épisode explore la capitale d'Alger. Son architecture, à la fois française et néo-mauresque, est illustrée par le glorieux bâtiment de la Grande Poste, ses mosquées remarquables et ses églises. Djihad Mahamdi nous fait visiter la cathédrale du Sacré-Cœur, d'inspiration touareg, tandis que Nehad Benz nous emmène dans la Casbah, issue de la période ottomane, qui regorge de jolies fontaines et de somptueux palais. Une excursion d'une journée à Tipasa nous donne un aperçu de la riche vie romaine en Afrique du Nord tandis que, de retour à la Casbah, l'historien Boualem Benamirouche retrace les étapes de la tristement célèbre bataille d'Alger qui a renversé le cours de la guerre d'indépendance. Les récits du grand écrivain algérien Albert Camus sont emmènent au café de Tantonville et nous écoutons les sons de la musique Chaabi du célèbre chanteur Noureddine Alane. Notre aventure se termine par un dîner festif dans un restaurant traditionnel algérien. </t>
  </si>
  <si>
    <t>P0799161</t>
  </si>
  <si>
    <t>Regarde le monde : Destination danse</t>
  </si>
  <si>
    <t>Destination danse</t>
  </si>
  <si>
    <t>« Regarde le monde » dessine pour vous les contours des plus belles destinations du globe… Premier pas, en Guadeloupe, au cœur des rythmes antillais où les danses de salon firent fureur au XXIe siècle. D’origine européennes agrémentées à l’esprit antillais, elles se sont peu à peu intégrées à la culture créole. En Inde, la danse est sacrée, entre art et spiritualité… le danseur et chorégraphe Raghunat Manet enseigne le Baratha Natyam à Pondichéry et est l’un des rares hommes à pratiquer cet art. Le voyage continue à Moscou où la tradition des ballets russes est toujours aussi vivante… la ville possède un univers culturel très important, notamment incarné par le théâtre du Bolchoï. A Berlin, Michael Banzhaf, danseur étoile au Ballet national de Berlin, propose tous styles de danses et Sylvia a monté une revue burlesque. Enfin au sud de l’Espagne, le flamenco, chant avant d’être une danse emblématique du pays, est classé au patrimoine culturel immatériel de l’humanité à l’Unesco.</t>
  </si>
  <si>
    <t>P0831445</t>
  </si>
  <si>
    <t>Echappées belles : La vraie nature du Cantal</t>
  </si>
  <si>
    <t>La vraie nature du Cantal</t>
  </si>
  <si>
    <t>Sophie déambule dans les petites ruelles de Menet, un charmant village à l’architecture typique cantalienne. Elle croise Laurent avec qui elle monte à bord du Gentiane express. Plus exactement, à bord du X2403, une flamboyante micheline jaune et gris. A peine parti, le train longe la Véronne torrentueuse, puis il entre dans le tunnel de Lestempes, enjambe le viaduc de Barajol, l’un des plus grands d’Europe, il franchit des cols. Chaque paysage est un enchantement. Sophie et Laurent descendent du train, pour un petit clin d’œil au nom de la région traversée, Laurent invite Sophie à assister à l’arrachage de la gentiane, cette plante aux vertus digestives qui une fois nettoyée, broyée, égouttée et macérée donne naissance à une liqueur au subtil goût amer. Il est 8h, Sophie arpente le sentier qui mène à la ferme du GaecFreyssac, à Barriac-les-Bosquets, à 17 km au sud de Mauriac. Le son des cloches des vaches lui indique la direction. Elle rejoint Patricia qui sort ses salers dans le pré.</t>
  </si>
  <si>
    <t>P0878681</t>
  </si>
  <si>
    <t>Les plus beaux treks : Les gorges du Verdon</t>
  </si>
  <si>
    <t>Les gorges du Verdon</t>
  </si>
  <si>
    <t>Le grand canyon du Verdon est l’un des sites les plus spectaculaires d’Europe. On peut y retourner sans cesse tout en étant à chaque fois frappé par le gigantisme de ces gorges au fond desquelles coule le Verdon, la rivière qui définit cet espace géographique entre le haut Verdon encore très alpin, et le bas Verdon qui annonce clairement la Provence. À pied, c’est l’assurance de vivre des sensations fortes ! Que ce soit à travers les montagnes ultra sauvages du haut Verdon, au fond du Canyon avec les sentiers Martel et de l’Imbut taillés à même la roche et bien sûr en haut des gorges où il ne faut pas avoir le vertige. C’est la Mecque de la grimpe et des sports d’eaux vives. Mais c’est à pied et avec Coralie Goussot que nous traversons les gorges du Verdon au printemps.</t>
  </si>
  <si>
    <t>P0767096</t>
  </si>
  <si>
    <t>Voyage et Bonnes manières en Sicile</t>
  </si>
  <si>
    <t>Voyage &amp; Bonnes manières</t>
  </si>
  <si>
    <t xml:space="preserve">Son tour du monde des bonnes manières conduit Véronique Jacquinet en terre sicilienne, au pied de l’Etna, à la rencontre d’un peuple que Cicéron qualifiait de « gens intelligents et méfiants, nés pour la controverse ». Pourtant, elle découvre que sous un air fier mais discret, se cache un peuple chaleureux qui ne manque pas d'humour, et dont les codes de savoir-vivre s’articulent autour de leur l’accueil des étrangers, de l’élégance, de la famille, et du religieux. Débarquée en plein week-end pascal, Véronique s’imagine dans un film de Coppola… </t>
  </si>
  <si>
    <t>P0878683</t>
  </si>
  <si>
    <t>Les plus beaux treks : Les volcans d'Auvergne</t>
  </si>
  <si>
    <t>Les volcans d'Auvergne</t>
  </si>
  <si>
    <t>Au nord de l’Auvergne, le parc des Volcans qui vient d’être classé au patrimoine de l’Unesco est un écrin propice aux randonnées à la journée et aux itinérances douces dans un paysage unique de moyenne montagne. Les volcans d’Auvergne avec leurs formes caractéristiques sont connus par tous, mais il faut aller marcher sur les bords des cratères, entre terre et ciel, pour partir en immersion dans cette histoire géologique complexe et loin d’être terminée. Fanny Sorbadere nous guide dans cet univers. Accompagnatrice en montagne mais aussi et surtout vulcanologue, avec un goût prononcé pour les arts du cirque, elle nous emmène sur les sentiers aériens entre les puys, dans les vallées cachées et encaissées, au bord des lacs qui parfois restent bien mystérieux, et sur la ligne de crête spectaculaire qui mène au Puy de Sancy dans une ambiance presque Alpine. Avec un final ultra aérien et spectaculaire.</t>
  </si>
  <si>
    <t>P0767098</t>
  </si>
  <si>
    <t>Voyage et Bonnes manières en France</t>
  </si>
  <si>
    <t>Faire un tour du monde de la politesse, sans risquer un regard critique sur le comportement des Français, la Parisienne cabotine qu’est Véronique Jacquinet, ne l’aurait pas osé. La voici donc partie, dans sa 2CV, enquêter de Saint-Germain-Des-Prés à Versailles, sur ce que ses compatriotes ont gardé de cette fameuse « french Etiquette » que nous a léguée Louis XIV. L’occasion de réviser l’ensemble des bonnes manières sensées régir notre quotidien et de voir si Talleyrand a fini par avoir raison, quand il disait : « Appuyons-nous sur les principes, ils finiront bien par céder ! ».</t>
  </si>
  <si>
    <t>P0809073</t>
  </si>
  <si>
    <t>Croisière : Hanoï - Baie d'Along</t>
  </si>
  <si>
    <t>Hanoï - Baie d'Along</t>
  </si>
  <si>
    <t>Le Vietnam n'a rien perdu des couleurs et des parfums de l'Indochine éternelle. Remontant les rivages qui ondulent avec volupté le long de la Mer de Chine, nous rejoignons Hanoï, la capitale du pays. Hanoï, la princesse du Fleuve Rouge. Poutrelles rouillées du pont Paul Doumer, maisons coloniales mangées par l'humidité, Hanoï, ancienne capitale française de l'Indochine, est désormais tournée vers l'avenir. Naviguant à bord de petits sampans au milieu de rizières qui s'étalent au pied des montagnes karstiques, nous rejoignons la Mer de Chine et la Baie d'Along. Un monde mystérieux que l'on découvre à bord de jonques glissant sur les eaux vert émeraude.</t>
  </si>
  <si>
    <t>V1023230</t>
  </si>
  <si>
    <t>En train à travers... L'Ecosse</t>
  </si>
  <si>
    <t>By Train Through Scotland's Highlands</t>
  </si>
  <si>
    <t>Jan Peter Gehrckens,Jan Schulte-Kellinghaus,Torben Schmidt</t>
  </si>
  <si>
    <t>« En train à travers » invite les amoureux des voyages en train et tous les autres à partir pour d'extraordinaires destinations à travers le monde. Le long de chemins de fer uniques, à bord de machines à vapeurs ou de trains plus modernes, découvrez des destinations aussi variées que surprenantes. Partez cette fois-ci pour les Highlands d'Ecosse !</t>
  </si>
  <si>
    <t>P0802480</t>
  </si>
  <si>
    <t>L'Islande vue du ciel</t>
  </si>
  <si>
    <t>Iceland - On top of the world</t>
  </si>
  <si>
    <t>Reinhard Kungel</t>
  </si>
  <si>
    <t>Partez à la découverte des volcans majestueux, des geysers bouillonnants, des cascades tonitruantes, des fjords menaçants et des glaciers tout-puissants de l’Islande. Rares sont les pays qui possèdent des forces naturelles d’une telle diversité. Mais ce n’est pas tout : cette île est un écrin de liberté et d’égalité pour ses habitants, la plaçant en tête de liste des lieux à explorer. Entre son taux de mortalité extrêmement bas, son espérance de vie élevée et ses revenus astronomiques, l’Islande livre une concurrence féroce au monde de Disney en matière de pays où il fait bon vivre. Vous découvrirez comment la population d’une petite île reculée qui jouit des rayons du soleil quelques mois par an peut être plus heureuse que les Italiens ou les Espagnols dont les pays sont baignés par le soleil.</t>
  </si>
  <si>
    <t>P0847603</t>
  </si>
  <si>
    <t>L'Asie vue du ciel : La Malaisie</t>
  </si>
  <si>
    <t>Aerial Asia</t>
  </si>
  <si>
    <t>Malaysia</t>
  </si>
  <si>
    <t>Amit Anand,Harun Rahman,Jocelyn Little</t>
  </si>
  <si>
    <t>Au fil de cette odyssée aérienne, imprégnez-vous de la riche histoire de la Malaisie, de l’ancien port de commerce de Malacca aux mines d’étain et aux plantations de caoutchouc qui ont façonné les paysages. Partez à la découverte du superbe patrimoine architectural de Kuala Lumpur ainsi que de la nouvelle capitale administrative de la Malaisie, Putrajaya, ville dévolue aux parcs et jardins botaniques. Admirez les merveilles naturelles foisonnantes du pays, de ses mers fascinantes à ses jungles séculaires, en passant par ses montagnes majestueuses.</t>
  </si>
  <si>
    <t>21:45:00:00</t>
  </si>
  <si>
    <t>P0772331</t>
  </si>
  <si>
    <t>J'irai dormir chez vous : Pays-Bas</t>
  </si>
  <si>
    <t>Pays-Bas</t>
  </si>
  <si>
    <t>Antoine commence son voyage aux Pays-Bas à Goes dans la province de Zélande. C'est vendredi soir et la petite ville est très animée. Après une soirée sympa dans un bar, le globe squatteur rencontre Elisa et sa fille qui l'invitent spontanément à un petit rassemblement hippie. Le voyageur file ensuite vers le nord-est du pays et atterrit à Pekela. Il pleut et il n'y a pas grand monde dehors. Antoine erre le long d'un canal avant de découvrir que Pekela est une bourgade bien particulière : 100 mètres de large pour 17 kilomètres de long ! Heureusement, son attention est attirée par une petite maison où un orchestre semble se produire. On l'invite à entrer…Antoine termine son voyage à Amsterdam. L'agitation de la ville tranche avec le reste du pays.</t>
  </si>
  <si>
    <t>22:50:00:00</t>
  </si>
  <si>
    <t>12/11/2020</t>
  </si>
  <si>
    <t>P0897611</t>
  </si>
  <si>
    <t>Algérie secrète : Une terre d’histoire</t>
  </si>
  <si>
    <t>Historic Hinterland</t>
  </si>
  <si>
    <t xml:space="preserve">Ce deuxième épisode explore les villes de la côte et de l'arrière-pays qui ont été construites grâce à un commerce méditerranéen prospère, remontant à l’époque des marins phéniciens. Nous découvrons les sites historiques des villes d'Oran, de Tlemcen et de Constantine.  À Oran, Zaki Souffi fait ses achats au marché de Djedida. Il visite la maison du plus éminent émigré de la ville, Yves Saint Laurent, et prend une collation locale de karantika avant de se rendre à l'ancien palais du Bey et du côté de Fort Santa Cruz - imprenable forteresse espagnole pendant la guerre avec l'Empire ottoman.  À Tlemcen, nous contemplons les merveilles du palais Mechouar, et visitons la ville forteresse d'El Mansourah avec l'historienne Amina Miri Hana. En grimpant sur la partie montagneuse de l’Aurès, nous apercevons l'immense colonie romaine de Timgad à Batna avant d'arriver à Constantine, ancienne ville numide perchée sur un éperon rocheux qui surplombe les gorges du Rummel. </t>
  </si>
  <si>
    <t>P0799160</t>
  </si>
  <si>
    <t>Regarde le monde : Destination sport</t>
  </si>
  <si>
    <t>Destination sport</t>
  </si>
  <si>
    <t>« Regarde le monde » dessine pour vous les contours des plus belles destinations du globe… Surfons d’abord au large du Pacifique sur les plages d’Hawai, paradis des surfeurs, Mecque des watermen. De décembre à mars, ils défient des déferlantes de plusieurs dizaines de mètres de hauteur. En Turquie, la lutte est plus qu’un sport et fait partie du patrimoine… C’est une tradition depuis les sultans, en passant par Atatürk, jusqu’à nos jours. Sur l’île de la Réunion, le sport est synonyme d’aventure… Dessinée par des centaines de canyons profonds, le canyoning s’est implanté sur l’île comme une discipline sportive depuis trente ans. De l’autre côté du globe, c’est sur l’eau que vient l’adrénaline pour les polynésiens… Il semblerait que les premiers habitants de la Polynésie aient débarqué en pirogue en l’an 300 après Jésus Christ. Enfin, en Suisse, le hockey est l’un des sports les plus populaires… Le village de Château-d’Œx et ses trois mille habitants possèdent d’ailleurs une équipe de hockey depuis 1929.</t>
  </si>
  <si>
    <t>P0831473</t>
  </si>
  <si>
    <t>Echappées belles : Buenos Aires, la passion Argentine</t>
  </si>
  <si>
    <t>Buenos Aires, la passion Argentine</t>
  </si>
  <si>
    <t>Aujourd’hui, c’est jour de match pour San Lorenzo : l’équipe supportée par le pape François ! Avant chaque match, les supporters se rejoignent aux abords du stade. Certains vont même prier à la chapelle, elle aussi aux couleurs du stade. Sophie se mêle à la liesse générale et demande à ses compagnons de lui apprendre une des chansons qui sera ensuite chantée pendant le match. Sophie et Facundo sont dans la tribune. Le lendemain, les deux garçons veulent lui faire découvrir l’âme du quartier historique du club, le quartier boedo. Chacun des 48 barrios de Buenos Aires a sa propre histoire et sa propre identité. Facundo et Pepi, et leur groupe de 10 peintres, ont donc décidé d’enjoliver les façades défraichies du quartier aux couleurs du club. Ils entraînent d’abord Sophie vers le bar « el modelo », le plus ancien du quartier présent depuis 1908. Sophie arrive ensuite dans le quartier de San Telmo et cherche son chemin dans les ruelles colorées tandis que le quartier se réveille doucement.</t>
  </si>
  <si>
    <t>P0828977</t>
  </si>
  <si>
    <t>Les plus beaux treks : Bretagne, le sentier des douaniers</t>
  </si>
  <si>
    <t>Bretagne, le sentier des douaniers</t>
  </si>
  <si>
    <t>Le sentier des douaniers en Bretagne, qui s’appelle également le GR34, est un très long chemin ! 2000 km pour faire le tour de la Bretagne en épousant strictement le dessin des côtes. Autant dire que peu de marcheurs le parcourent vraiment en entier. Pourtant, le GR34 vient d’être élu « sentier préféré des Français » suite à une grande consultation organisée par la Fédération Française de Randonnée. C’est dire si ce chemin est populaire. Le sentier des douaniers offre de fait une multitude d’itinéraires à faire sur la journée, sur une ou plusieurs semaines, ou même sur plusieurs mois pour ceux qui se lancent sur l’intégral. Ce sentier a bien sûr une histoire et c’est Philippe Poulain, accompagnateur de montagne qui vit non loin du golfe du Morbihan, qui va nous guider et nous emmener à la découverte de « ses histoires » du GR34. La côte bretonne, en plus d’être très découpée, réserve de sacrées montées entre criques et falaises, à aborder avec humilité, finalement comme tout itinéraire de GR qui se respecte !</t>
  </si>
  <si>
    <t>P0876258</t>
  </si>
  <si>
    <t>Des trains pas comme les autres : Albanie</t>
  </si>
  <si>
    <t>Albanie</t>
  </si>
  <si>
    <t xml:space="preserve">Philippe Gougler nous fait découvrir la mystérieuse Albanie. Son voyage commence à Tirana, la capitale. Et pour une fois, il prend le bus pour rejoindre la gare qui se trouve en banlieue. Là il monte dans un train en triste état, mais chargé d’histoire, avec un service de café à bord privilégié. Il arrive à Elbasan en pleine campagne, où il rencontre un fermier en train de labourer son champ, qui l’emmène au marché aux bestiaux. Philippe reprend son train déglingué pour retourner vers Tirana où il fait des découvertes culinaires étonnantes ! Il repart vers le lac de Koman, un des plus beaux sites d’Albanie, où il prend un incroyable bateau-bus qui fait la navette sur le lac. Puis direction le sud, vers Durrës au bord de l’Adriatique. Il rencontre Lali, aux allures militaires, une “vierge sous serment” qui témoigne des traditions encore profondément ancrées dans le peuple albanais. Après des années de dictature, le pays se reconstruit et se transforme. Un voyage en Albanie est un voyage dans un monde qui change. </t>
  </si>
  <si>
    <t>P0876259</t>
  </si>
  <si>
    <t>Des trains pas comme les autres : Equateur</t>
  </si>
  <si>
    <t>Equateur</t>
  </si>
  <si>
    <t xml:space="preserve">Philippe Gougler commence son voyage au pied du Chimborazo, un volcan de la Cordillère des Andes, dans la gare la plus haute du pays, perchée à 3610 mètres. Il traverse le pays à bord de trains touristiques aux paysages magnifiques et aux dénivelés vertigineux. À quelques kilomètres de Quito, la capitale, il rencontre un prêtre que les croyants attendent avec grande impatience. Ensuite, il quitte la Cordillère pour découvrir la vie au fin fond de l’Amazonie. Il prend un train-bus surprenant suivi par des motards cascadeurs, qui le ramène dans le nord du pays pour terminer son aventure, à la rencontre de Carolina, une guérisseuse un peu particulière… </t>
  </si>
  <si>
    <t>P0806814</t>
  </si>
  <si>
    <t>En train à travers... Le Nord de la Suède</t>
  </si>
  <si>
    <t>Life at the Arctic Circle : Sweden's North by train</t>
  </si>
  <si>
    <t>Torben Schmidt</t>
  </si>
  <si>
    <t>Si l’extrême nord de l’Europe est synonyme d’étendues désertes, d’interminables hivers et d’absence totale de soleil lors des mois les plus sombres de l’année, il réserve de bien belles surprises. Le quotidien au cercle polaire arctique, ce sont aussi des aventures naturelles intenses, une paix et une sérénité infinies ainsi que le merveilleux ballet offert par les aurores boréales. Ce voyage en train nous emmènera de Luleå en Suède à Narvik en Norvège ; du golfe de Botnie, en passant par le cercle polaire arctique et la Laponie suédoise, jusqu’à la mer de Norvège et ses fjords adjacents.</t>
  </si>
  <si>
    <t>P0806819</t>
  </si>
  <si>
    <t>En train à travers... De Barcelone à Bilbao</t>
  </si>
  <si>
    <t>Northern Spain in seven hours : from Barcelona to Bilbao by train</t>
  </si>
  <si>
    <t>Northern Spain in seven hours : From Barcelona to Bilbao by train</t>
  </si>
  <si>
    <t>Michael Cordero</t>
  </si>
  <si>
    <t>Les guides de voyages ne tarissent pas d’éloges sur le chemin de fer reliant Barcelone à Bilbao et décrivent un itinéraire aux paysages d’une riche diversité, à la fois sublime et pittoresque. Ce train, exploité par la société ferroviaire publique espagnole Renfe, sillonne les contreforts des Pyrénées et remonte l’Èbre. De Barcelone, la capitale catalane, à Bilbao, ville basque de la côte atlantique, sept heures de voyage nous mèneront à travers des régions incroyablement variées, de la Catalogne au pays basque.</t>
  </si>
  <si>
    <t>V1017168</t>
  </si>
  <si>
    <t>En train de luxe de la Thaïlande au Laos</t>
  </si>
  <si>
    <t>By luxury train Bangkok to Laos</t>
  </si>
  <si>
    <t>Voyage à bord de l'un des trains les plus célèbres du monde, qui assure la liaison de Bangkok à Vientiane, au Laos, une fois par an. Avec lui, nous partirons jusqu'aux rives du puissant Mékong, ce grand fleuve d'Asie traversant les champs de riz, jusqu'aux temples anciens, durant les fêtes populaires.</t>
  </si>
  <si>
    <t>P0863258</t>
  </si>
  <si>
    <t>Berlin et le Brandebourg vus du ciel</t>
  </si>
  <si>
    <t>Berlin from above</t>
  </si>
  <si>
    <t>Berlin from above, 1</t>
  </si>
  <si>
    <t>Jan Thenhaven</t>
  </si>
  <si>
    <t>Survolant la métropole berlinoise à bord d’un planeur, ce documentaire révèle l’Allemagne et ses habitants sous un jour nouveau.
Plus de 25 ans après la réunification entre l’Allemagne de l’Est et l’Allemagne de l’Ouest, découvrez la capitale allemande telle que vous ne l’avez jamais vue. Quels rêves et aspirations ont façonné la région ? Quels changements ont émergé au cœur de la ville la plus effervescente du pays ? Nous prendrons notre envol afin d’explorer l’agglomération et sa population.
Ce documentaire mêle à la fois nature et urbanisme, quiétude et bourdonnement métropolitain. Il réunit les parcs et les canyons de gratte-ciel, les lacs et les zones humides, les cours d’eau sinueux et les rues longilignes. De l’aube au crépuscule, nous parcourrons Berlin au rythme d’images enivrantes.
À travers des enregistrements de vol en haute définition et d’incroyables panoramas, nous apercevrons comment les Berlinois et Berlinoises s’emparent du territoire.</t>
  </si>
  <si>
    <t>P0847551</t>
  </si>
  <si>
    <t>Vues d'en haut : Le nord-ouest de l'Angleterre</t>
  </si>
  <si>
    <t>England - Hutton in the Forest to St Bees Head (FRA)</t>
  </si>
  <si>
    <t>Ethan Hunter</t>
  </si>
  <si>
    <t>Notre aventure débute à Hutton-in-the-Forest, sublime manoir tout droit venu des légendes du roi Arthur, avant de se poursuivre jusqu’aux ruines du château de Brougham. Cap ensuite sur le Lake District, qui a inspiré de nombreux poètes, peintres et promeneurs au fil des siècles. Depuis Ullswater, nous grimpons jusqu’à Helvellyn, l’un des plus hauts sommets montagneux d’Angleterre, puis continuons notre route jusqu’au cromlech de Castlerigg, qui figure parmi les plus vieux cromlechs de Grande-Bretagne. Du pic du Skiddaw, nous prenons la direction du sud jusqu’aux lacs Derwentwater et Buttermere. Notre périple se conclut à St Bees Head, point le plus occidental du nord de l’Angleterre.</t>
  </si>
  <si>
    <t>20:30:00:00</t>
  </si>
  <si>
    <t>P0847554</t>
  </si>
  <si>
    <t>Vues d'en haut : Des falaises Seven Sisters à Canterbury</t>
  </si>
  <si>
    <t>England - Seven Sisters to Canterbury Cathedral (FRA)</t>
  </si>
  <si>
    <t>Les Seven Sisters, ensemble de falaises crayeuses spectaculaires situées sur la côte sud de l’Angleterre, marquent le début de notre voyage. Nous prenons ensuite la direction de l’est, jusqu’à Battle, site de l’une des dates les plus importantes de l’histoire d’Angleterre : la bataille d’Hastings, en 1066. Plus au nord, nous visitons Bateman’s, demeure de Rudyard Kipling, l’un des plus illustres poètes du pays. Nous poursuivons à l’est jusqu’au Romney Marsh, endroit venu d’un autre monde parfois surnommé « le cinquième continent », avant de nous envoler pour Douvres, l’un des ports de voyageurs les plus fréquentés de la planète et lien essentiel entre la Grande-Bretagne et l’Europe continentale. Nous remontons ensuite la côte nord et survolons le château de Deal, chef-d’œuvre d’ingénierie militaire médiéval, puis terminons notre aventure dans la somptueuse cathédrale de Canterbury.</t>
  </si>
  <si>
    <t>P0833920</t>
  </si>
  <si>
    <t>Trésors vus du ciel : L'île de Vancouver</t>
  </si>
  <si>
    <t>Vancouver Island</t>
  </si>
  <si>
    <t xml:space="preserve">Au large de la côte Ouest de la Colombie-Britannique, le littoral sauvage de l’île de Vancouver tourné vers le Pacifique offre un panorama ancestral à la beauté brute. Des sommets enneigés de ses glaciers séculaires aux canopées enveloppées de brume de la seule forêt tropicale canadienne, cette région est la plus humide d’Amérique du Nord. Cet habitat naturel à l’apparence primitive, où la nature et l’homme coexistent, détient le secret de la vie. Véritable paradis pour les créatures marines, il renferme également l’un des sites les plus sacrés au monde, un somptueux lieu secret où se perpétue un mode de vie ancestral.
</t>
  </si>
  <si>
    <t>P0847236</t>
  </si>
  <si>
    <t>Vues d'en haut : Dans les Grandes Plaines américaines</t>
  </si>
  <si>
    <t>USA - Nebraska, Oglala Grassland to Scottsbluff (FRA)</t>
  </si>
  <si>
    <t>Nous suivons le vaste réseau ferroviaire du Nebraska jusqu’aux plaines d’Oglala, terres de l’agile antilocapre. Cap ensuite vers le sud jusqu’au parc de Fort Robinson, autrefois lieu de batailles féroces entre les Amérindiens et les premiers colons européens. Sur la route en direction de la ville d’Alliance, cœur historique du Far West, nous croisons des diligences tout droit sorties d’un western ainsi que des troupeaux de bisons au galop. Nous faisons un bref détour jusqu’au Stonehenge américain avant d’emprunter le chemin des pionniers menant au monument national de Scottsbluff. Notre voyage s’achève face aux formations rocheuses titanesques qui surplombent les plaines vallonnées et nous fascinent comme elles fascinaient il y a plus d’un siècle les premiers colons en route vers l’ouest.</t>
  </si>
  <si>
    <t>22:15:00:00</t>
  </si>
  <si>
    <t>P0847237</t>
  </si>
  <si>
    <t>Vues d'en haut : Du Yellowstone au canyon de Bighorn</t>
  </si>
  <si>
    <t>USA - Wyoming, Soda Butte to Big Horn Canyon (FRA)</t>
  </si>
  <si>
    <t>Le long de la frontière séparant le Wyoming du Montana, notre voyage débute au cœur des montagnes de la vallée de Soda Butte, dans le parc national de Yellowstone, notamment sur la plus haute cime de Pilot Peak. Depuis les extraordinaires glaciers de la chaîne Absaroka, nous prenons la direction du col de Beartooth et sillonnons la route décrite comme « la plus belle des États-Unis ». Un peu plus au sud nous attend l’une des sections les plus pittoresques de la rivière Clark Fork, avec ses eaux blanches qui coulent le long des parois du canyon. Nous retournons dans la Wapiti Valley, célèbre pour ses ranchs et ses chevaux, et visitons la ville de Cody, du nom de l’illustre pionnier dit Buffalo Bill. Après avoir traversé les étendues arides du bassin de la Bighorn, nous achevons notre périple dans le canyon éponyme, face à ses gorges à couper le souffle.</t>
  </si>
  <si>
    <t>22:40:00:00</t>
  </si>
  <si>
    <t>26:05:00:00</t>
  </si>
  <si>
    <t>26:35:00:00</t>
  </si>
  <si>
    <t>27:05:00:00</t>
  </si>
  <si>
    <t>27:35:00:00</t>
  </si>
  <si>
    <t>13/11/2020</t>
  </si>
  <si>
    <t>P0800084</t>
  </si>
  <si>
    <t>Regarde le monde : Rien que du luxe</t>
  </si>
  <si>
    <t>Rien que du luxe</t>
  </si>
  <si>
    <t>« Regarde le monde » dessine pour vous les contours des plus belles destinations du globe… 1er arrêt en Polynésie où le lagon turquoise et les hôtels de luxe sur pilotis de Bora-Bora en font l’une des destinations les plus paradisiaques au monde. Au large des Caraïbes, certaines îles des Grenadines restées inhabitées ont étés transformées en îles hôtels. Notre voyage continue au Mexique où les haciendas ressuscitent leur charme d’antan… Au 18ème siècle, les propriétés agricoles des colons espagnols, à l’architecture démesurée et aux jardins luxuriants, fleurissaient partout dans le pays. A Rome, le luxe se fait plus discret et atypique… Le cirage de chaussures est un des luxes que s’offrent volontiers les Romains ainsi qu’une soirée dans la villa Médicis. Enfin, sur le littoral Atlantique, le Cap Ferret attire les adeptes du luxe et du raffinement... Destination tendance, l’afflux de personnalités en inquiète certains, qui craignent une perte d’identité et du charme des lieux.</t>
  </si>
  <si>
    <t>P0831480</t>
  </si>
  <si>
    <t>Echappées belles : Barcelone et la Catalogne</t>
  </si>
  <si>
    <t>Barcelone et la Catalogne</t>
  </si>
  <si>
    <t xml:space="preserve">Jérôme arrive à la gare de Barcelone. Il a rendez-vous dans le quartier de Les Corts avec Francesc. Au petit marché de quartier de Collblanc, la visite gourmande de Barcelone commence. En bas des Ramblas, Jérôme et Francesc arrivent sur le front de mer, à la Barceloneta. Ils prennent alors le Téléphérique du port, qui en rejoignant la colline de Montjuic, offre une vue imprenable sur toute la ville et ses environs. Montjuic, c’est un surprenant contraste entre de vieilles bâtisses et des bâtiments modernes, sortis de terre pour ériger le grand parc olympique qui a vu se dérouler les Jeux de Barcelone de 1992. A la nuit tombée, Francesc propose à Jérôme de se rendre dans une bodega, une sorte de cave à vins où les anchois sont pêchés du jour même et préparés sur place. Enfin, Francesc et ses amis se rendent au concert du groupe Mazoni, un groupe de rock qui chante en catalan, et perpétue ainsi la culture et la langue régionales. </t>
  </si>
  <si>
    <t>P0897568</t>
  </si>
  <si>
    <t>Les plus beaux treks : Le tour du Mont-Blanc</t>
  </si>
  <si>
    <t>Le tour du Mont-Blanc</t>
  </si>
  <si>
    <t>P0807446</t>
  </si>
  <si>
    <t>Le Japon entre ciel et terre : L'île au pied de la montagne</t>
  </si>
  <si>
    <t>L'île au pied de la montagne</t>
  </si>
  <si>
    <t>Le Japon, terre de modernité et de traditions s’est développée au rythme de l’île principale Honshu. Au pied du Mont Fuji, elle est la plus grande et la plus peuplée de l’archipel. Blessée par les séismes et les guerres, elle abrite la capitale Tokyo et l’ancienne ville impériale Kyoto. Ce voyage entre ciel et terre, au cœur de la troisième puissance économique mondiale nous plonge dans la vie intime d’un peuple et de son Histoire.</t>
  </si>
  <si>
    <t>P0843368</t>
  </si>
  <si>
    <t>L'Espagne vue du ciel : L'intérieur des terres</t>
  </si>
  <si>
    <t>The Spanish Inland</t>
  </si>
  <si>
    <t xml:space="preserve">Partez à la découverte de l’intérieur des terres espagnoles, un paysage onirique jalonné de villages, de rivières, de montagnes et de vallées. Au milieu des côtes ensoleillées, des plaines verdoyantes, des fleuves et des cimes enchanteresses, de charmants villages perpétuent les traditions. Au cœur de ses paysages d’une grande diversité, l’Espagne est parvenue à garder une multitude de secrets qui font du pays du soleil un véritable spectacle, écrit et réalisé par Dame Nature en personne. </t>
  </si>
  <si>
    <t>P0847606</t>
  </si>
  <si>
    <t>L'Asie vue du ciel : L'Inde</t>
  </si>
  <si>
    <t>India</t>
  </si>
  <si>
    <t>Embarquez pour un voyage aérien à la découverte des paysages spectaculaires de l’Inde et de sa population d’une incroyable diversité. Des chefs-d’œuvre ancestraux tels que les bâolis du Rajasthan aux prouesses techniques contemporaines incarnées par la ville de Gurgaon, explorez la richesse, l’histoire et la modernité de ces terres mystérieuses. Après avoir traversé plusieurs millénaires et donné naissance à quatre grandes religions, cette civilisation antique concentre aujourd’hui bien des merveilles, naturelles comme artificielles, et regarde vers l’avenir avec une confiance retrouvée. Préparez-vous pour une explosion de couleurs, de cultures et de panoramas fascinants qui ravira l’œil et l’esprit.</t>
  </si>
  <si>
    <t>P0847556</t>
  </si>
  <si>
    <t>Vues d'en haut : Sur la frontière anglo-galloise</t>
  </si>
  <si>
    <t>Wales - Monmouth to Dee Estuary (FRA)</t>
  </si>
  <si>
    <t>Notre aventure débute à Symonds Yat, au cœur d’une région anglaise à la beauté naturelle stupéfiante. Du sud au nord, nous survolons les comtés à cheval sur la frontière anglo-galloise. Dans l’Herefordshire, nous explorons les ruines médiévales du château de Goodrich. À Hereford, la magnifique cathédrale ainsi que la demeure d’un trésor médiéval exceptionnel méritent une halte. Nous poursuivons notre épopée jusqu’au château de Stokesay, l’un des manoirs fortifiés du Moyen-Âge les mieux préservés. À Welshpool, nous flânons dans un somptueux jardin du château de Powis et visitons une ferme expérimentale victorienne. Cap ensuite au nord où nous attend l’un des plus beaux chefs-d’œuvre d’ingénierie du 18e siècle à Llangollen, avant de conclure notre odyssée dans l’estuaire de la Dee.</t>
  </si>
  <si>
    <t>16:30:00:00</t>
  </si>
  <si>
    <t>P0847558</t>
  </si>
  <si>
    <t>Vues d'en haut : Sur les traces de Buffalo Bill</t>
  </si>
  <si>
    <t>USA, Wyoming - Lost Cabin to Devil’s Tower (FRA)</t>
  </si>
  <si>
    <t>Notre périple débute dans la commune frontalière reculée de Lost Cabin, avant de rejoindre Medicine Lodge, plus au nord, l’un des sites archéologiques majeurs de l’État américain du Wyoming, où se trouvent des œuvres d’art rupestre créées par des Amérindiens sur plusieurs millénaires. À l’est nous attend la ville de Sheridan et son illustre auberge, ancienne demeure de la figure mythique du Far West, Buffalo Bill. Nous prenons ensuite la direction du sud jusqu’à la ville de Buffalo, toile de fond des légendes les plus célèbres de la conquête de l’Ouest. À l’est, nous partons à la découverte d’un site de chasse amérindien historique, le Vore Buffalo Jump, puis terminons notre voyage face à la spectaculaire et vertigineuse Devil’s Tower, premier monument national des États-Unis et lieu sacré des Amérindiens.</t>
  </si>
  <si>
    <t>V1023231</t>
  </si>
  <si>
    <t>En train à travers... L'Inde</t>
  </si>
  <si>
    <t>By Train Through India</t>
  </si>
  <si>
    <t>« En train à travers » invite les amoureux des voyages en train et tous les autres à partir pour d'extraordinaires destinations à travers le monde. Le long de chemins de fer uniques, à bord de machines à vapeurs ou de trains plus modernes, découvrez des destinations aussi variées que surprenantes. Partez cette fois-ci pour l'Inde !</t>
  </si>
  <si>
    <t>P0847567</t>
  </si>
  <si>
    <t>Vues d'en haut : En Caroline du Nord</t>
  </si>
  <si>
    <t>USA, North Carolina (FRA)</t>
  </si>
  <si>
    <t>Notre odyssée débute à Corolla, splendide destination de vacances située sur la pointe nord des Outer Banks, chapelet d’îles et de péninsules qui longe la côte est de l’État américain de Caroline du Nord. Nous prenons la direction de l’ouest jusqu’à la forêt de recherche de Bull Neck Swamp, véritable centre de conservation autrefois décimé par l’exploitation forestière. À l’est, nous partons à la découverte du monument commémoratif national des frères Wright, lieu où ces pionniers de l’aviation réalisèrent les premiers vols motorisés de l’histoire, transformant ainsi notre monde moderne. Nous poursuivons plus au sud jusqu’à l’île Roanoke, théâtre de la colonie disparue en 1587, l’un des plus vieux mystères jamais élucidés d’Amérique. En descendant le littoral, nous comprenons le surnom de « cimetière de l’Atlantique » donné à ces côtes. Nous retournons à l’intérieur des terres pour conclure notre périple à New Bern, l’une des plus anciennes villes des États-Unis et lieu de naissance de Pepsi-Cola.</t>
  </si>
  <si>
    <t>P0847569</t>
  </si>
  <si>
    <t>Vues d'en haut : Un automne en Nouvelle-Angleterre</t>
  </si>
  <si>
    <t>USA, New Hampshire (FRA)</t>
  </si>
  <si>
    <t>00:25</t>
  </si>
  <si>
    <t>Notre traversée aérienne de l’État américain du New Hampshire débute dans les îles de Shoals, mystérieux chapelet d’îles sur la côte atlantique, autrefois refuge de pirates. Alors que nous mettons le cap vers l’ouest, nous survolons l’ancienne demeure de Robert Frost, l’un des plus illustres poètes du pays. Nous poursuivons plus au nord, où nous attend la ville de naissance de Franklin Pierce, quatorzième président des États-Unis. À l’ouest, nous atteignons les rives du spectaculaire Connecticut, plus long fleuve de la Nouvelle-Angleterre qui a façonné le cours de l’histoire du New Hampshire. Plus au nord, nous découvrons le fort no 4, souvenir du passé mouvementé de cette région comme frontière coloniale. Nous remontons le cours d’eau jusqu’au Dartmouth College, université d’élite de l’Ivy League et l’une des meilleures institutions universitaires au monde, enveloppée par les somptueuses couleurs des arbres de la Nouvelle-Angleterre à l’automne.</t>
  </si>
  <si>
    <t>P0847570</t>
  </si>
  <si>
    <t>Vues d'en haut : Le nord de l'Islande</t>
  </si>
  <si>
    <t>Iceland - North of the country (FRA)</t>
  </si>
  <si>
    <t>Notre odyssée débute dans la petite ville reculée de Patreksfjorour, nichée sous un fjord vertigineux, dans le nord-ouest de l’Islande. À l’est, nous survolons la calotte glaciaire au sommet du Drangajökull, des lacs et des montagnes jusqu’à une ancienne saline. Direction ensuite le paradis des macareux, sur l’île Grímsey, puis le village médiéval de Holar, site de fouilles archéologiques. En plein cœur du Nord-Ouest, nous découvrons la charmante ville d’Akureyri, chef-lieu de la région, et remontons une rivière gelée tumultueuse au sein du somptueux parc national de Vatnajökull, pour ponctuer notre aventure face à l’impressionnante cascade de Dettifoss.</t>
  </si>
  <si>
    <t>P0847571</t>
  </si>
  <si>
    <t>Vues d'en haut : Valence et sa région</t>
  </si>
  <si>
    <t>Spain - South East coast (FRA)</t>
  </si>
  <si>
    <t>Notre aventure le long du littoral méditerranéen espagnol débute à La Manga, paradis nautique bâti sur un spectaculaire cordon côtier naturel. Nous prenons la direction du nord jusqu’à Tabarca, une minuscule île demeurée quasi inchangée depuis le 18e siècle. Nous atteignons Benidorm, ancien village de pêcheurs assoupi devenu l’une des destinations de vacances les plus prisées au monde, haut lieu des voyages organisés. Plus au nord, la superbe ville de Valence mêle édifices médiévaux et architecture contemporaine avec brio. Notre périple s’achève à Peniscola, somptueux port maritime fortifié bâti par les chevaliers du Temple et toile de fond de nombreux blockbusters hollywoodiens.</t>
  </si>
  <si>
    <t xml:space="preserve">La dessinatrice Catel a connu la notoriété avec ses monographies de femmes inspirantes : Olympe de Gouges, Kiki de Montparnasse, Joséphine Baker… Sa prochaine héroïne s’appelle Anita Conti, pionnière de l’océanographie, première femme à être montée sur les bateaux de pêche en partance pour Terre-neuve. Une véritable icône de légende dans le port de Fécamp, là où notre dessinatrice a installé son atelier avec vue sur la mer. 
Toute petite c’est en famille que Catel a découvert les plages de Normandie pendant les vacances. Aujourd’hui le port de Fécamp, la côte d’Albâtre et ses falaises, l’arrière-pays normand, sont devenus une source d’inspiration constante pour Catel. Sur les traces des impressionnistes elle nous embarque pour ce voyage en bandes, cahier de croquis en main, à la rencontre des paysages et des hommes qui vivent entre terre et mer au bord des célèbres falaises de craie blanche immortalisées par les peintres et les écrivains du monde entier. </t>
  </si>
  <si>
    <t xml:space="preserve">Voyages en bandes </t>
  </si>
  <si>
    <t>Voyage en bande</t>
  </si>
  <si>
    <t>Voyage en bande 1, 1</t>
  </si>
  <si>
    <t>Voyage en bande 1</t>
  </si>
  <si>
    <t>Voyage en bande 1, 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2">
    <fill>
      <patternFill patternType="none"/>
    </fill>
    <fill>
      <patternFill patternType="gray125"/>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7">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85"/>
  <sheetViews>
    <sheetView showGridLines="0" tabSelected="1" topLeftCell="A9" workbookViewId="0">
      <selection activeCell="E23" sqref="E23"/>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7</v>
      </c>
      <c r="H3" s="2" t="s">
        <v>19</v>
      </c>
      <c r="I3" s="3">
        <v>2019</v>
      </c>
      <c r="J3" s="2" t="s">
        <v>20</v>
      </c>
      <c r="K3" s="2" t="s">
        <v>21</v>
      </c>
      <c r="L3" s="2" t="s">
        <v>22</v>
      </c>
    </row>
    <row r="4" spans="1:12" ht="15.2" customHeight="1">
      <c r="A4" s="2" t="s">
        <v>13</v>
      </c>
      <c r="B4" s="2" t="s">
        <v>23</v>
      </c>
      <c r="C4" s="2" t="s">
        <v>24</v>
      </c>
      <c r="D4" s="2" t="s">
        <v>25</v>
      </c>
      <c r="E4" s="2" t="s">
        <v>26</v>
      </c>
      <c r="F4" s="2" t="s">
        <v>27</v>
      </c>
      <c r="G4" s="3">
        <v>1</v>
      </c>
      <c r="H4" s="2" t="s">
        <v>28</v>
      </c>
      <c r="I4" s="3">
        <v>2015</v>
      </c>
      <c r="J4" s="2" t="s">
        <v>29</v>
      </c>
      <c r="K4" s="2" t="s">
        <v>30</v>
      </c>
      <c r="L4" s="2" t="s">
        <v>31</v>
      </c>
    </row>
    <row r="5" spans="1:12" ht="15.2" customHeight="1">
      <c r="A5" s="2" t="s">
        <v>13</v>
      </c>
      <c r="B5" s="2" t="s">
        <v>32</v>
      </c>
      <c r="C5" s="2"/>
      <c r="D5" s="2" t="s">
        <v>33</v>
      </c>
      <c r="E5" s="2" t="s">
        <v>34</v>
      </c>
      <c r="F5" s="2" t="s">
        <v>35</v>
      </c>
      <c r="G5" s="3">
        <v>6</v>
      </c>
      <c r="H5" s="2" t="s">
        <v>19</v>
      </c>
      <c r="I5" s="3">
        <v>2019</v>
      </c>
      <c r="J5" s="2" t="s">
        <v>20</v>
      </c>
      <c r="K5" s="2" t="s">
        <v>36</v>
      </c>
      <c r="L5" s="2"/>
    </row>
    <row r="6" spans="1:12" ht="15.2" customHeight="1">
      <c r="A6" s="2" t="s">
        <v>13</v>
      </c>
      <c r="B6" s="2" t="s">
        <v>37</v>
      </c>
      <c r="C6" s="2" t="s">
        <v>38</v>
      </c>
      <c r="D6" s="2" t="s">
        <v>39</v>
      </c>
      <c r="E6" s="2" t="s">
        <v>40</v>
      </c>
      <c r="F6" s="2" t="s">
        <v>41</v>
      </c>
      <c r="G6" s="3">
        <v>4</v>
      </c>
      <c r="H6" s="2" t="s">
        <v>28</v>
      </c>
      <c r="I6" s="3">
        <v>2019</v>
      </c>
      <c r="J6" s="2" t="s">
        <v>20</v>
      </c>
      <c r="K6" s="2" t="s">
        <v>42</v>
      </c>
      <c r="L6" s="2" t="s">
        <v>43</v>
      </c>
    </row>
    <row r="7" spans="1:12" ht="15.2" customHeight="1">
      <c r="A7" s="2" t="s">
        <v>13</v>
      </c>
      <c r="B7" s="2" t="s">
        <v>44</v>
      </c>
      <c r="C7" s="2" t="s">
        <v>45</v>
      </c>
      <c r="D7" s="2" t="s">
        <v>46</v>
      </c>
      <c r="E7" s="2" t="s">
        <v>47</v>
      </c>
      <c r="F7" s="2" t="s">
        <v>48</v>
      </c>
      <c r="G7" s="3">
        <v>36</v>
      </c>
      <c r="H7" s="2" t="s">
        <v>49</v>
      </c>
      <c r="I7" s="3">
        <v>2010</v>
      </c>
      <c r="J7" s="2" t="s">
        <v>20</v>
      </c>
      <c r="K7" s="2" t="s">
        <v>50</v>
      </c>
      <c r="L7" s="2" t="s">
        <v>51</v>
      </c>
    </row>
    <row r="8" spans="1:12" ht="15.2" customHeight="1">
      <c r="A8" s="2" t="s">
        <v>13</v>
      </c>
      <c r="B8" s="2" t="s">
        <v>52</v>
      </c>
      <c r="C8" s="2" t="s">
        <v>53</v>
      </c>
      <c r="D8" s="2" t="s">
        <v>54</v>
      </c>
      <c r="E8" s="2" t="s">
        <v>55</v>
      </c>
      <c r="F8" s="2" t="s">
        <v>54</v>
      </c>
      <c r="G8" s="3">
        <v>1</v>
      </c>
      <c r="H8" s="2" t="s">
        <v>28</v>
      </c>
      <c r="I8" s="3">
        <v>2019</v>
      </c>
      <c r="J8" s="2" t="s">
        <v>20</v>
      </c>
      <c r="K8" s="2" t="s">
        <v>56</v>
      </c>
      <c r="L8" s="2" t="s">
        <v>57</v>
      </c>
    </row>
    <row r="9" spans="1:12" ht="15.2" customHeight="1">
      <c r="A9" s="2" t="s">
        <v>13</v>
      </c>
      <c r="B9" s="2" t="s">
        <v>58</v>
      </c>
      <c r="C9" s="2" t="s">
        <v>59</v>
      </c>
      <c r="D9" s="2" t="s">
        <v>60</v>
      </c>
      <c r="E9" s="2" t="s">
        <v>61</v>
      </c>
      <c r="F9" s="2" t="s">
        <v>62</v>
      </c>
      <c r="G9" s="3">
        <v>1</v>
      </c>
      <c r="H9" s="2" t="s">
        <v>19</v>
      </c>
      <c r="I9" s="3">
        <v>2010</v>
      </c>
      <c r="J9" s="2" t="s">
        <v>20</v>
      </c>
      <c r="K9" s="2" t="s">
        <v>63</v>
      </c>
      <c r="L9" s="2" t="s">
        <v>64</v>
      </c>
    </row>
    <row r="10" spans="1:12" ht="15.2" customHeight="1">
      <c r="A10" s="2" t="s">
        <v>13</v>
      </c>
      <c r="B10" s="2" t="s">
        <v>65</v>
      </c>
      <c r="C10" s="2" t="s">
        <v>66</v>
      </c>
      <c r="D10" s="2" t="s">
        <v>67</v>
      </c>
      <c r="E10" s="2" t="s">
        <v>68</v>
      </c>
      <c r="F10" s="2" t="s">
        <v>69</v>
      </c>
      <c r="G10" s="3">
        <v>6</v>
      </c>
      <c r="H10" s="2" t="s">
        <v>70</v>
      </c>
      <c r="I10" s="3">
        <v>2019</v>
      </c>
      <c r="J10" s="2" t="s">
        <v>20</v>
      </c>
      <c r="K10" s="2" t="s">
        <v>71</v>
      </c>
      <c r="L10" s="2" t="s">
        <v>72</v>
      </c>
    </row>
    <row r="11" spans="1:12" ht="15.2" customHeight="1">
      <c r="A11" s="2" t="s">
        <v>13</v>
      </c>
      <c r="B11" s="2" t="s">
        <v>73</v>
      </c>
      <c r="C11" s="2" t="s">
        <v>74</v>
      </c>
      <c r="D11" s="2" t="s">
        <v>75</v>
      </c>
      <c r="E11" s="2" t="s">
        <v>76</v>
      </c>
      <c r="F11" s="2" t="s">
        <v>77</v>
      </c>
      <c r="G11" s="3">
        <v>1</v>
      </c>
      <c r="H11" s="2" t="s">
        <v>28</v>
      </c>
      <c r="I11" s="3">
        <v>2013</v>
      </c>
      <c r="J11" s="2" t="s">
        <v>78</v>
      </c>
      <c r="K11" s="2" t="s">
        <v>79</v>
      </c>
      <c r="L11" s="2" t="s">
        <v>80</v>
      </c>
    </row>
    <row r="12" spans="1:12" ht="15.2" customHeight="1">
      <c r="A12" s="2" t="s">
        <v>13</v>
      </c>
      <c r="B12" s="2" t="s">
        <v>81</v>
      </c>
      <c r="C12" s="2" t="s">
        <v>82</v>
      </c>
      <c r="D12" s="2" t="s">
        <v>83</v>
      </c>
      <c r="E12" s="2" t="s">
        <v>84</v>
      </c>
      <c r="F12" s="2" t="s">
        <v>85</v>
      </c>
      <c r="G12" s="3">
        <v>1</v>
      </c>
      <c r="H12" s="2" t="s">
        <v>86</v>
      </c>
      <c r="I12" s="3">
        <v>2014</v>
      </c>
      <c r="J12" s="2" t="s">
        <v>87</v>
      </c>
      <c r="K12" s="2" t="s">
        <v>88</v>
      </c>
      <c r="L12" s="2" t="s">
        <v>89</v>
      </c>
    </row>
    <row r="13" spans="1:12" ht="15.2" customHeight="1">
      <c r="A13" s="2" t="s">
        <v>13</v>
      </c>
      <c r="B13" s="2" t="s">
        <v>90</v>
      </c>
      <c r="C13" s="2" t="s">
        <v>91</v>
      </c>
      <c r="D13" s="2" t="s">
        <v>92</v>
      </c>
      <c r="E13" s="2" t="s">
        <v>84</v>
      </c>
      <c r="F13" s="2" t="s">
        <v>93</v>
      </c>
      <c r="G13" s="3">
        <v>2</v>
      </c>
      <c r="H13" s="2" t="s">
        <v>86</v>
      </c>
      <c r="I13" s="3">
        <v>2014</v>
      </c>
      <c r="J13" s="2" t="s">
        <v>87</v>
      </c>
      <c r="K13" s="2" t="s">
        <v>88</v>
      </c>
      <c r="L13" s="2" t="s">
        <v>94</v>
      </c>
    </row>
    <row r="14" spans="1:12" ht="15.2" customHeight="1">
      <c r="A14" s="2" t="s">
        <v>13</v>
      </c>
      <c r="B14" s="2" t="s">
        <v>95</v>
      </c>
      <c r="C14" s="2" t="s">
        <v>15</v>
      </c>
      <c r="D14" s="2" t="s">
        <v>16</v>
      </c>
      <c r="E14" s="2" t="s">
        <v>17</v>
      </c>
      <c r="F14" s="2" t="s">
        <v>18</v>
      </c>
      <c r="G14" s="3">
        <v>7</v>
      </c>
      <c r="H14" s="2" t="s">
        <v>19</v>
      </c>
      <c r="I14" s="3">
        <v>2019</v>
      </c>
      <c r="J14" s="2" t="s">
        <v>20</v>
      </c>
      <c r="K14" s="2" t="s">
        <v>21</v>
      </c>
      <c r="L14" s="2" t="s">
        <v>22</v>
      </c>
    </row>
    <row r="15" spans="1:12" ht="15.2" customHeight="1">
      <c r="A15" s="2" t="s">
        <v>13</v>
      </c>
      <c r="B15" s="2" t="s">
        <v>96</v>
      </c>
      <c r="C15" s="2" t="s">
        <v>97</v>
      </c>
      <c r="D15" s="2" t="s">
        <v>98</v>
      </c>
      <c r="E15" s="2" t="s">
        <v>99</v>
      </c>
      <c r="F15" s="2" t="s">
        <v>100</v>
      </c>
      <c r="G15" s="3">
        <v>2</v>
      </c>
      <c r="H15" s="2" t="s">
        <v>28</v>
      </c>
      <c r="I15" s="3">
        <v>2009</v>
      </c>
      <c r="J15" s="2" t="s">
        <v>29</v>
      </c>
      <c r="K15" s="2" t="s">
        <v>101</v>
      </c>
      <c r="L15" s="2" t="s">
        <v>102</v>
      </c>
    </row>
    <row r="16" spans="1:12" ht="15.2" customHeight="1">
      <c r="A16" s="2" t="s">
        <v>13</v>
      </c>
      <c r="B16" s="2" t="s">
        <v>103</v>
      </c>
      <c r="C16" s="2" t="s">
        <v>104</v>
      </c>
      <c r="D16" s="2" t="s">
        <v>105</v>
      </c>
      <c r="E16" s="2" t="s">
        <v>106</v>
      </c>
      <c r="F16" s="2" t="s">
        <v>106</v>
      </c>
      <c r="G16" s="3">
        <v>1</v>
      </c>
      <c r="H16" s="2" t="s">
        <v>28</v>
      </c>
      <c r="I16" s="3">
        <v>2017</v>
      </c>
      <c r="J16" s="2" t="s">
        <v>29</v>
      </c>
      <c r="K16" s="2" t="s">
        <v>107</v>
      </c>
      <c r="L16" s="2" t="s">
        <v>108</v>
      </c>
    </row>
    <row r="17" spans="1:12" ht="15.2" customHeight="1">
      <c r="A17" s="2" t="s">
        <v>13</v>
      </c>
      <c r="B17" s="2" t="s">
        <v>109</v>
      </c>
      <c r="C17" s="2" t="s">
        <v>110</v>
      </c>
      <c r="D17" s="2" t="s">
        <v>111</v>
      </c>
      <c r="E17" s="2" t="s">
        <v>112</v>
      </c>
      <c r="F17" s="2" t="s">
        <v>113</v>
      </c>
      <c r="G17" s="3">
        <v>3</v>
      </c>
      <c r="H17" s="2" t="s">
        <v>19</v>
      </c>
      <c r="I17" s="3">
        <v>2019</v>
      </c>
      <c r="J17" s="2" t="s">
        <v>87</v>
      </c>
      <c r="K17" s="2" t="s">
        <v>114</v>
      </c>
      <c r="L17" s="2" t="s">
        <v>115</v>
      </c>
    </row>
    <row r="18" spans="1:12" ht="15.2" customHeight="1">
      <c r="A18" s="2" t="s">
        <v>13</v>
      </c>
      <c r="B18" s="2" t="s">
        <v>116</v>
      </c>
      <c r="C18" s="2" t="s">
        <v>117</v>
      </c>
      <c r="D18" s="2" t="s">
        <v>118</v>
      </c>
      <c r="E18" s="2" t="s">
        <v>112</v>
      </c>
      <c r="F18" s="2" t="s">
        <v>119</v>
      </c>
      <c r="G18" s="3">
        <v>4</v>
      </c>
      <c r="H18" s="2" t="s">
        <v>19</v>
      </c>
      <c r="I18" s="3">
        <v>2019</v>
      </c>
      <c r="J18" s="2" t="s">
        <v>87</v>
      </c>
      <c r="K18" s="2" t="s">
        <v>114</v>
      </c>
      <c r="L18" s="2" t="s">
        <v>120</v>
      </c>
    </row>
    <row r="19" spans="1:12" ht="15.2" customHeight="1">
      <c r="A19" s="2" t="s">
        <v>13</v>
      </c>
      <c r="B19" s="2" t="s">
        <v>121</v>
      </c>
      <c r="C19" s="2"/>
      <c r="D19" s="2" t="s">
        <v>33</v>
      </c>
      <c r="E19" s="2" t="s">
        <v>34</v>
      </c>
      <c r="F19" s="2" t="s">
        <v>35</v>
      </c>
      <c r="G19" s="3">
        <v>6</v>
      </c>
      <c r="H19" s="2" t="s">
        <v>19</v>
      </c>
      <c r="I19" s="3">
        <v>2019</v>
      </c>
      <c r="J19" s="2" t="s">
        <v>20</v>
      </c>
      <c r="K19" s="2" t="s">
        <v>36</v>
      </c>
      <c r="L19" s="2"/>
    </row>
    <row r="20" spans="1:12" ht="15.2" customHeight="1">
      <c r="A20" s="2" t="s">
        <v>13</v>
      </c>
      <c r="B20" s="2" t="s">
        <v>122</v>
      </c>
      <c r="C20" s="2" t="s">
        <v>38</v>
      </c>
      <c r="D20" s="2" t="s">
        <v>39</v>
      </c>
      <c r="E20" s="2" t="s">
        <v>40</v>
      </c>
      <c r="F20" s="2" t="s">
        <v>41</v>
      </c>
      <c r="G20" s="3">
        <v>4</v>
      </c>
      <c r="H20" s="2" t="s">
        <v>28</v>
      </c>
      <c r="I20" s="3">
        <v>2019</v>
      </c>
      <c r="J20" s="2" t="s">
        <v>20</v>
      </c>
      <c r="K20" s="2" t="s">
        <v>42</v>
      </c>
      <c r="L20" s="2" t="s">
        <v>43</v>
      </c>
    </row>
    <row r="21" spans="1:12" ht="15.2" customHeight="1">
      <c r="A21" s="2" t="s">
        <v>13</v>
      </c>
      <c r="B21" s="2" t="s">
        <v>123</v>
      </c>
      <c r="C21" s="2" t="s">
        <v>110</v>
      </c>
      <c r="D21" s="2" t="s">
        <v>111</v>
      </c>
      <c r="E21" s="2" t="s">
        <v>112</v>
      </c>
      <c r="F21" s="2" t="s">
        <v>113</v>
      </c>
      <c r="G21" s="3">
        <v>3</v>
      </c>
      <c r="H21" s="2" t="s">
        <v>19</v>
      </c>
      <c r="I21" s="3">
        <v>2019</v>
      </c>
      <c r="J21" s="2" t="s">
        <v>87</v>
      </c>
      <c r="K21" s="2" t="s">
        <v>114</v>
      </c>
      <c r="L21" s="2" t="s">
        <v>115</v>
      </c>
    </row>
    <row r="22" spans="1:12" ht="15.2" customHeight="1">
      <c r="A22" s="2" t="s">
        <v>13</v>
      </c>
      <c r="B22" s="2" t="s">
        <v>124</v>
      </c>
      <c r="C22" s="2" t="s">
        <v>117</v>
      </c>
      <c r="D22" s="2" t="s">
        <v>118</v>
      </c>
      <c r="E22" s="2" t="s">
        <v>112</v>
      </c>
      <c r="F22" s="2" t="s">
        <v>119</v>
      </c>
      <c r="G22" s="3">
        <v>4</v>
      </c>
      <c r="H22" s="2" t="s">
        <v>19</v>
      </c>
      <c r="I22" s="3">
        <v>2019</v>
      </c>
      <c r="J22" s="2" t="s">
        <v>87</v>
      </c>
      <c r="K22" s="2" t="s">
        <v>114</v>
      </c>
      <c r="L22" s="2" t="s">
        <v>120</v>
      </c>
    </row>
    <row r="23" spans="1:12" ht="15.2" customHeight="1">
      <c r="A23" s="2" t="s">
        <v>13</v>
      </c>
      <c r="B23" s="2" t="s">
        <v>125</v>
      </c>
      <c r="C23" s="2"/>
      <c r="D23" s="2" t="s">
        <v>519</v>
      </c>
      <c r="E23" s="2" t="s">
        <v>519</v>
      </c>
      <c r="F23" s="2" t="s">
        <v>520</v>
      </c>
      <c r="G23" s="3">
        <v>1</v>
      </c>
      <c r="H23" s="2" t="s">
        <v>19</v>
      </c>
      <c r="I23" s="3">
        <v>2020</v>
      </c>
      <c r="J23" s="2" t="s">
        <v>20</v>
      </c>
      <c r="K23" s="2" t="s">
        <v>127</v>
      </c>
      <c r="L23" s="2"/>
    </row>
    <row r="24" spans="1:12" ht="15.2" customHeight="1">
      <c r="A24" s="2" t="s">
        <v>13</v>
      </c>
      <c r="B24" s="2" t="s">
        <v>128</v>
      </c>
      <c r="C24" s="2" t="s">
        <v>129</v>
      </c>
      <c r="D24" s="2" t="s">
        <v>130</v>
      </c>
      <c r="E24" s="2" t="s">
        <v>131</v>
      </c>
      <c r="F24" s="2" t="s">
        <v>132</v>
      </c>
      <c r="G24" s="3">
        <v>2</v>
      </c>
      <c r="H24" s="2" t="s">
        <v>19</v>
      </c>
      <c r="I24" s="3">
        <v>2014</v>
      </c>
      <c r="J24" s="2" t="s">
        <v>20</v>
      </c>
      <c r="K24" s="2" t="s">
        <v>133</v>
      </c>
      <c r="L24" s="2" t="s">
        <v>134</v>
      </c>
    </row>
    <row r="25" spans="1:12" ht="15.2" customHeight="1">
      <c r="A25" s="2" t="s">
        <v>13</v>
      </c>
      <c r="B25" s="2" t="s">
        <v>135</v>
      </c>
      <c r="C25" s="2" t="s">
        <v>66</v>
      </c>
      <c r="D25" s="2" t="s">
        <v>67</v>
      </c>
      <c r="E25" s="2" t="s">
        <v>68</v>
      </c>
      <c r="F25" s="2" t="s">
        <v>69</v>
      </c>
      <c r="G25" s="3">
        <v>6</v>
      </c>
      <c r="H25" s="2" t="s">
        <v>70</v>
      </c>
      <c r="I25" s="3">
        <v>2019</v>
      </c>
      <c r="J25" s="2" t="s">
        <v>20</v>
      </c>
      <c r="K25" s="2" t="s">
        <v>71</v>
      </c>
      <c r="L25" s="2" t="s">
        <v>72</v>
      </c>
    </row>
    <row r="26" spans="1:12" ht="15.2" customHeight="1">
      <c r="A26" s="2" t="s">
        <v>136</v>
      </c>
      <c r="B26" s="2" t="s">
        <v>14</v>
      </c>
      <c r="C26" s="2" t="s">
        <v>97</v>
      </c>
      <c r="D26" s="2" t="s">
        <v>98</v>
      </c>
      <c r="E26" s="2" t="s">
        <v>99</v>
      </c>
      <c r="F26" s="2" t="s">
        <v>100</v>
      </c>
      <c r="G26" s="3">
        <v>2</v>
      </c>
      <c r="H26" s="2" t="s">
        <v>28</v>
      </c>
      <c r="I26" s="3">
        <v>2009</v>
      </c>
      <c r="J26" s="2" t="s">
        <v>29</v>
      </c>
      <c r="K26" s="2" t="s">
        <v>101</v>
      </c>
      <c r="L26" s="2" t="s">
        <v>102</v>
      </c>
    </row>
    <row r="27" spans="1:12" ht="15.2" customHeight="1">
      <c r="A27" s="2" t="s">
        <v>136</v>
      </c>
      <c r="B27" s="2" t="s">
        <v>23</v>
      </c>
      <c r="C27" s="2" t="s">
        <v>45</v>
      </c>
      <c r="D27" s="2" t="s">
        <v>46</v>
      </c>
      <c r="E27" s="2" t="s">
        <v>47</v>
      </c>
      <c r="F27" s="2" t="s">
        <v>48</v>
      </c>
      <c r="G27" s="3">
        <v>36</v>
      </c>
      <c r="H27" s="2" t="s">
        <v>49</v>
      </c>
      <c r="I27" s="3">
        <v>2010</v>
      </c>
      <c r="J27" s="2" t="s">
        <v>20</v>
      </c>
      <c r="K27" s="2" t="s">
        <v>50</v>
      </c>
      <c r="L27" s="2" t="s">
        <v>51</v>
      </c>
    </row>
    <row r="28" spans="1:12" ht="15.2" customHeight="1">
      <c r="A28" s="2" t="s">
        <v>136</v>
      </c>
      <c r="B28" s="2" t="s">
        <v>32</v>
      </c>
      <c r="C28" s="2" t="s">
        <v>137</v>
      </c>
      <c r="D28" s="2" t="s">
        <v>138</v>
      </c>
      <c r="E28" s="2" t="s">
        <v>61</v>
      </c>
      <c r="F28" s="2" t="s">
        <v>139</v>
      </c>
      <c r="G28" s="3">
        <v>36</v>
      </c>
      <c r="H28" s="2" t="s">
        <v>28</v>
      </c>
      <c r="I28" s="3">
        <v>2010</v>
      </c>
      <c r="J28" s="2" t="s">
        <v>20</v>
      </c>
      <c r="K28" s="2" t="s">
        <v>63</v>
      </c>
      <c r="L28" s="2"/>
    </row>
    <row r="29" spans="1:12" ht="15.2" customHeight="1">
      <c r="A29" s="2" t="s">
        <v>136</v>
      </c>
      <c r="B29" s="2" t="s">
        <v>37</v>
      </c>
      <c r="C29" s="2" t="s">
        <v>140</v>
      </c>
      <c r="D29" s="2" t="s">
        <v>141</v>
      </c>
      <c r="E29" s="2" t="s">
        <v>141</v>
      </c>
      <c r="F29" s="2" t="s">
        <v>141</v>
      </c>
      <c r="G29" s="3">
        <v>1</v>
      </c>
      <c r="H29" s="2" t="s">
        <v>28</v>
      </c>
      <c r="I29" s="3">
        <v>2015</v>
      </c>
      <c r="J29" s="2" t="s">
        <v>20</v>
      </c>
      <c r="K29" s="2" t="s">
        <v>142</v>
      </c>
      <c r="L29" s="2" t="s">
        <v>143</v>
      </c>
    </row>
    <row r="30" spans="1:12" ht="15.2" customHeight="1">
      <c r="A30" s="2" t="s">
        <v>136</v>
      </c>
      <c r="B30" s="2" t="s">
        <v>44</v>
      </c>
      <c r="C30" s="2" t="s">
        <v>15</v>
      </c>
      <c r="D30" s="2" t="s">
        <v>16</v>
      </c>
      <c r="E30" s="2" t="s">
        <v>17</v>
      </c>
      <c r="F30" s="2" t="s">
        <v>18</v>
      </c>
      <c r="G30" s="3">
        <v>7</v>
      </c>
      <c r="H30" s="2" t="s">
        <v>19</v>
      </c>
      <c r="I30" s="3">
        <v>2019</v>
      </c>
      <c r="J30" s="2" t="s">
        <v>20</v>
      </c>
      <c r="K30" s="2" t="s">
        <v>21</v>
      </c>
      <c r="L30" s="2" t="s">
        <v>22</v>
      </c>
    </row>
    <row r="31" spans="1:12" ht="15.2" customHeight="1">
      <c r="A31" s="2" t="s">
        <v>136</v>
      </c>
      <c r="B31" s="2" t="s">
        <v>52</v>
      </c>
      <c r="C31" s="2" t="s">
        <v>97</v>
      </c>
      <c r="D31" s="2" t="s">
        <v>98</v>
      </c>
      <c r="E31" s="2" t="s">
        <v>99</v>
      </c>
      <c r="F31" s="2" t="s">
        <v>100</v>
      </c>
      <c r="G31" s="3">
        <v>2</v>
      </c>
      <c r="H31" s="2" t="s">
        <v>28</v>
      </c>
      <c r="I31" s="3">
        <v>2009</v>
      </c>
      <c r="J31" s="2" t="s">
        <v>29</v>
      </c>
      <c r="K31" s="2" t="s">
        <v>101</v>
      </c>
      <c r="L31" s="2" t="s">
        <v>102</v>
      </c>
    </row>
    <row r="32" spans="1:12" ht="15.2" customHeight="1">
      <c r="A32" s="2" t="s">
        <v>136</v>
      </c>
      <c r="B32" s="2" t="s">
        <v>58</v>
      </c>
      <c r="C32" s="2" t="s">
        <v>144</v>
      </c>
      <c r="D32" s="2" t="s">
        <v>145</v>
      </c>
      <c r="E32" s="2" t="s">
        <v>146</v>
      </c>
      <c r="F32" s="2" t="s">
        <v>147</v>
      </c>
      <c r="G32" s="3">
        <v>1</v>
      </c>
      <c r="H32" s="2" t="s">
        <v>28</v>
      </c>
      <c r="I32" s="3">
        <v>2014</v>
      </c>
      <c r="J32" s="2" t="s">
        <v>29</v>
      </c>
      <c r="K32" s="2" t="s">
        <v>148</v>
      </c>
      <c r="L32" s="2" t="s">
        <v>149</v>
      </c>
    </row>
    <row r="33" spans="1:12" ht="15.2" customHeight="1">
      <c r="A33" s="2" t="s">
        <v>136</v>
      </c>
      <c r="B33" s="2" t="s">
        <v>65</v>
      </c>
      <c r="C33" s="2" t="s">
        <v>150</v>
      </c>
      <c r="D33" s="2" t="s">
        <v>151</v>
      </c>
      <c r="E33" s="2" t="s">
        <v>152</v>
      </c>
      <c r="F33" s="2" t="s">
        <v>153</v>
      </c>
      <c r="G33" s="3">
        <v>5</v>
      </c>
      <c r="H33" s="2" t="s">
        <v>28</v>
      </c>
      <c r="I33" s="3">
        <v>2016</v>
      </c>
      <c r="J33" s="2" t="s">
        <v>154</v>
      </c>
      <c r="K33" s="2" t="s">
        <v>155</v>
      </c>
      <c r="L33" s="2" t="s">
        <v>156</v>
      </c>
    </row>
    <row r="34" spans="1:12" ht="15.2" customHeight="1">
      <c r="A34" s="2" t="s">
        <v>136</v>
      </c>
      <c r="B34" s="2" t="s">
        <v>157</v>
      </c>
      <c r="C34" s="2" t="s">
        <v>82</v>
      </c>
      <c r="D34" s="2" t="s">
        <v>83</v>
      </c>
      <c r="E34" s="2" t="s">
        <v>84</v>
      </c>
      <c r="F34" s="2" t="s">
        <v>85</v>
      </c>
      <c r="G34" s="3">
        <v>1</v>
      </c>
      <c r="H34" s="2" t="s">
        <v>86</v>
      </c>
      <c r="I34" s="3">
        <v>2014</v>
      </c>
      <c r="J34" s="2" t="s">
        <v>87</v>
      </c>
      <c r="K34" s="2" t="s">
        <v>88</v>
      </c>
      <c r="L34" s="2" t="s">
        <v>89</v>
      </c>
    </row>
    <row r="35" spans="1:12" ht="15.2" customHeight="1">
      <c r="A35" s="2" t="s">
        <v>136</v>
      </c>
      <c r="B35" s="2" t="s">
        <v>73</v>
      </c>
      <c r="C35" s="2" t="s">
        <v>91</v>
      </c>
      <c r="D35" s="2" t="s">
        <v>92</v>
      </c>
      <c r="E35" s="2" t="s">
        <v>84</v>
      </c>
      <c r="F35" s="2" t="s">
        <v>93</v>
      </c>
      <c r="G35" s="3">
        <v>2</v>
      </c>
      <c r="H35" s="2" t="s">
        <v>86</v>
      </c>
      <c r="I35" s="3">
        <v>2014</v>
      </c>
      <c r="J35" s="2" t="s">
        <v>87</v>
      </c>
      <c r="K35" s="2" t="s">
        <v>88</v>
      </c>
      <c r="L35" s="2" t="s">
        <v>94</v>
      </c>
    </row>
    <row r="36" spans="1:12" ht="15.2" customHeight="1">
      <c r="A36" s="2" t="s">
        <v>136</v>
      </c>
      <c r="B36" s="2" t="s">
        <v>158</v>
      </c>
      <c r="C36" s="2" t="s">
        <v>159</v>
      </c>
      <c r="D36" s="2" t="s">
        <v>160</v>
      </c>
      <c r="E36" s="2" t="s">
        <v>161</v>
      </c>
      <c r="F36" s="2" t="s">
        <v>162</v>
      </c>
      <c r="G36" s="3">
        <v>1</v>
      </c>
      <c r="H36" s="2" t="s">
        <v>28</v>
      </c>
      <c r="I36" s="3">
        <v>2018</v>
      </c>
      <c r="J36" s="2" t="s">
        <v>20</v>
      </c>
      <c r="K36" s="2" t="s">
        <v>163</v>
      </c>
      <c r="L36" s="2" t="s">
        <v>164</v>
      </c>
    </row>
    <row r="37" spans="1:12" ht="15.2" customHeight="1">
      <c r="A37" s="2" t="s">
        <v>136</v>
      </c>
      <c r="B37" s="2" t="s">
        <v>165</v>
      </c>
      <c r="C37" s="2"/>
      <c r="D37" s="2" t="s">
        <v>519</v>
      </c>
      <c r="E37" s="2" t="s">
        <v>519</v>
      </c>
      <c r="F37" s="2" t="s">
        <v>520</v>
      </c>
      <c r="G37" s="3">
        <v>1</v>
      </c>
      <c r="H37" s="2" t="s">
        <v>19</v>
      </c>
      <c r="I37" s="3">
        <v>2020</v>
      </c>
      <c r="J37" s="2" t="s">
        <v>20</v>
      </c>
      <c r="K37" s="2" t="s">
        <v>127</v>
      </c>
      <c r="L37" s="2"/>
    </row>
    <row r="38" spans="1:12" ht="15.2" customHeight="1">
      <c r="A38" s="2" t="s">
        <v>136</v>
      </c>
      <c r="B38" s="2" t="s">
        <v>166</v>
      </c>
      <c r="C38" s="2" t="s">
        <v>129</v>
      </c>
      <c r="D38" s="2" t="s">
        <v>130</v>
      </c>
      <c r="E38" s="2" t="s">
        <v>131</v>
      </c>
      <c r="F38" s="2" t="s">
        <v>132</v>
      </c>
      <c r="G38" s="3">
        <v>2</v>
      </c>
      <c r="H38" s="2" t="s">
        <v>19</v>
      </c>
      <c r="I38" s="3">
        <v>2014</v>
      </c>
      <c r="J38" s="2" t="s">
        <v>20</v>
      </c>
      <c r="K38" s="2" t="s">
        <v>133</v>
      </c>
      <c r="L38" s="2" t="s">
        <v>134</v>
      </c>
    </row>
    <row r="39" spans="1:12" ht="15.2" customHeight="1">
      <c r="A39" s="2" t="s">
        <v>136</v>
      </c>
      <c r="B39" s="2" t="s">
        <v>96</v>
      </c>
      <c r="C39" s="2" t="s">
        <v>167</v>
      </c>
      <c r="D39" s="2" t="s">
        <v>168</v>
      </c>
      <c r="E39" s="2" t="s">
        <v>34</v>
      </c>
      <c r="F39" s="2" t="s">
        <v>169</v>
      </c>
      <c r="G39" s="3">
        <v>3</v>
      </c>
      <c r="H39" s="2" t="s">
        <v>28</v>
      </c>
      <c r="I39" s="3">
        <v>2018</v>
      </c>
      <c r="J39" s="2" t="s">
        <v>20</v>
      </c>
      <c r="K39" s="2" t="s">
        <v>36</v>
      </c>
      <c r="L39" s="2" t="s">
        <v>170</v>
      </c>
    </row>
    <row r="40" spans="1:12" ht="15.2" customHeight="1">
      <c r="A40" s="2" t="s">
        <v>136</v>
      </c>
      <c r="B40" s="2" t="s">
        <v>103</v>
      </c>
      <c r="C40" s="2" t="s">
        <v>171</v>
      </c>
      <c r="D40" s="2" t="s">
        <v>172</v>
      </c>
      <c r="E40" s="2" t="s">
        <v>34</v>
      </c>
      <c r="F40" s="2" t="s">
        <v>173</v>
      </c>
      <c r="G40" s="3">
        <v>2</v>
      </c>
      <c r="H40" s="2" t="s">
        <v>49</v>
      </c>
      <c r="I40" s="3">
        <v>2018</v>
      </c>
      <c r="J40" s="2" t="s">
        <v>20</v>
      </c>
      <c r="K40" s="2" t="s">
        <v>36</v>
      </c>
      <c r="L40" s="2" t="s">
        <v>174</v>
      </c>
    </row>
    <row r="41" spans="1:12" ht="15.2" customHeight="1">
      <c r="A41" s="2" t="s">
        <v>136</v>
      </c>
      <c r="B41" s="2" t="s">
        <v>109</v>
      </c>
      <c r="C41" s="2" t="s">
        <v>175</v>
      </c>
      <c r="D41" s="2" t="s">
        <v>176</v>
      </c>
      <c r="E41" s="2" t="s">
        <v>61</v>
      </c>
      <c r="F41" s="2" t="s">
        <v>177</v>
      </c>
      <c r="G41" s="3">
        <v>37</v>
      </c>
      <c r="H41" s="2" t="s">
        <v>28</v>
      </c>
      <c r="I41" s="3">
        <v>2010</v>
      </c>
      <c r="J41" s="2" t="s">
        <v>20</v>
      </c>
      <c r="K41" s="2" t="s">
        <v>63</v>
      </c>
      <c r="L41" s="2"/>
    </row>
    <row r="42" spans="1:12" ht="15.2" customHeight="1">
      <c r="A42" s="2" t="s">
        <v>136</v>
      </c>
      <c r="B42" s="2" t="s">
        <v>116</v>
      </c>
      <c r="C42" s="2"/>
      <c r="D42" s="2" t="s">
        <v>178</v>
      </c>
      <c r="E42" s="2" t="s">
        <v>179</v>
      </c>
      <c r="F42" s="2" t="s">
        <v>180</v>
      </c>
      <c r="G42" s="3">
        <v>6</v>
      </c>
      <c r="H42" s="2" t="s">
        <v>28</v>
      </c>
      <c r="I42" s="3">
        <v>2018</v>
      </c>
      <c r="J42" s="2" t="s">
        <v>20</v>
      </c>
      <c r="K42" s="2" t="s">
        <v>181</v>
      </c>
      <c r="L42" s="2" t="s">
        <v>182</v>
      </c>
    </row>
    <row r="43" spans="1:12" ht="15.2" customHeight="1">
      <c r="A43" s="2" t="s">
        <v>136</v>
      </c>
      <c r="B43" s="2" t="s">
        <v>121</v>
      </c>
      <c r="C43" s="2" t="s">
        <v>110</v>
      </c>
      <c r="D43" s="2" t="s">
        <v>111</v>
      </c>
      <c r="E43" s="2" t="s">
        <v>112</v>
      </c>
      <c r="F43" s="2" t="s">
        <v>113</v>
      </c>
      <c r="G43" s="3">
        <v>3</v>
      </c>
      <c r="H43" s="2" t="s">
        <v>19</v>
      </c>
      <c r="I43" s="3">
        <v>2019</v>
      </c>
      <c r="J43" s="2" t="s">
        <v>87</v>
      </c>
      <c r="K43" s="2" t="s">
        <v>114</v>
      </c>
      <c r="L43" s="2" t="s">
        <v>115</v>
      </c>
    </row>
    <row r="44" spans="1:12" ht="15.2" customHeight="1">
      <c r="A44" s="2" t="s">
        <v>136</v>
      </c>
      <c r="B44" s="2" t="s">
        <v>183</v>
      </c>
      <c r="C44" s="2" t="s">
        <v>117</v>
      </c>
      <c r="D44" s="2" t="s">
        <v>118</v>
      </c>
      <c r="E44" s="2" t="s">
        <v>112</v>
      </c>
      <c r="F44" s="2" t="s">
        <v>119</v>
      </c>
      <c r="G44" s="3">
        <v>4</v>
      </c>
      <c r="H44" s="2" t="s">
        <v>19</v>
      </c>
      <c r="I44" s="3">
        <v>2019</v>
      </c>
      <c r="J44" s="2" t="s">
        <v>87</v>
      </c>
      <c r="K44" s="2" t="s">
        <v>114</v>
      </c>
      <c r="L44" s="2" t="s">
        <v>120</v>
      </c>
    </row>
    <row r="45" spans="1:12" ht="15.2" customHeight="1">
      <c r="A45" s="2" t="s">
        <v>136</v>
      </c>
      <c r="B45" s="2" t="s">
        <v>123</v>
      </c>
      <c r="C45" s="2" t="s">
        <v>175</v>
      </c>
      <c r="D45" s="2" t="s">
        <v>176</v>
      </c>
      <c r="E45" s="2" t="s">
        <v>61</v>
      </c>
      <c r="F45" s="2" t="s">
        <v>177</v>
      </c>
      <c r="G45" s="3">
        <v>37</v>
      </c>
      <c r="H45" s="2" t="s">
        <v>28</v>
      </c>
      <c r="I45" s="3">
        <v>2010</v>
      </c>
      <c r="J45" s="2" t="s">
        <v>20</v>
      </c>
      <c r="K45" s="2" t="s">
        <v>63</v>
      </c>
      <c r="L45" s="2"/>
    </row>
    <row r="46" spans="1:12" ht="15.2" customHeight="1">
      <c r="A46" s="2" t="s">
        <v>136</v>
      </c>
      <c r="B46" s="2" t="s">
        <v>124</v>
      </c>
      <c r="C46" s="2"/>
      <c r="D46" s="2" t="s">
        <v>178</v>
      </c>
      <c r="E46" s="2" t="s">
        <v>179</v>
      </c>
      <c r="F46" s="2" t="s">
        <v>180</v>
      </c>
      <c r="G46" s="3">
        <v>6</v>
      </c>
      <c r="H46" s="2" t="s">
        <v>28</v>
      </c>
      <c r="I46" s="3">
        <v>2018</v>
      </c>
      <c r="J46" s="2" t="s">
        <v>20</v>
      </c>
      <c r="K46" s="2" t="s">
        <v>181</v>
      </c>
      <c r="L46" s="2" t="s">
        <v>182</v>
      </c>
    </row>
    <row r="47" spans="1:12" ht="15.2" customHeight="1">
      <c r="A47" s="2" t="s">
        <v>136</v>
      </c>
      <c r="B47" s="2" t="s">
        <v>125</v>
      </c>
      <c r="C47" s="2"/>
      <c r="D47" s="2" t="s">
        <v>33</v>
      </c>
      <c r="E47" s="2" t="s">
        <v>34</v>
      </c>
      <c r="F47" s="2" t="s">
        <v>35</v>
      </c>
      <c r="G47" s="3">
        <v>6</v>
      </c>
      <c r="H47" s="2" t="s">
        <v>19</v>
      </c>
      <c r="I47" s="3">
        <v>2019</v>
      </c>
      <c r="J47" s="2" t="s">
        <v>20</v>
      </c>
      <c r="K47" s="2" t="s">
        <v>36</v>
      </c>
      <c r="L47" s="2"/>
    </row>
    <row r="48" spans="1:12" ht="15.2" customHeight="1">
      <c r="A48" s="2" t="s">
        <v>136</v>
      </c>
      <c r="B48" s="2" t="s">
        <v>184</v>
      </c>
      <c r="C48" s="2" t="s">
        <v>38</v>
      </c>
      <c r="D48" s="2" t="s">
        <v>39</v>
      </c>
      <c r="E48" s="2" t="s">
        <v>40</v>
      </c>
      <c r="F48" s="2" t="s">
        <v>41</v>
      </c>
      <c r="G48" s="3">
        <v>4</v>
      </c>
      <c r="H48" s="2" t="s">
        <v>28</v>
      </c>
      <c r="I48" s="3">
        <v>2019</v>
      </c>
      <c r="J48" s="2" t="s">
        <v>20</v>
      </c>
      <c r="K48" s="2" t="s">
        <v>42</v>
      </c>
      <c r="L48" s="2" t="s">
        <v>43</v>
      </c>
    </row>
    <row r="49" spans="1:12" ht="15.2" customHeight="1">
      <c r="A49" s="2" t="s">
        <v>136</v>
      </c>
      <c r="B49" s="2" t="s">
        <v>185</v>
      </c>
      <c r="C49" s="2" t="s">
        <v>150</v>
      </c>
      <c r="D49" s="2" t="s">
        <v>151</v>
      </c>
      <c r="E49" s="2" t="s">
        <v>152</v>
      </c>
      <c r="F49" s="2" t="s">
        <v>153</v>
      </c>
      <c r="G49" s="3">
        <v>5</v>
      </c>
      <c r="H49" s="2" t="s">
        <v>28</v>
      </c>
      <c r="I49" s="3">
        <v>2016</v>
      </c>
      <c r="J49" s="2" t="s">
        <v>154</v>
      </c>
      <c r="K49" s="2" t="s">
        <v>155</v>
      </c>
      <c r="L49" s="2" t="s">
        <v>156</v>
      </c>
    </row>
    <row r="50" spans="1:12" ht="15.2" customHeight="1">
      <c r="A50" s="2" t="s">
        <v>136</v>
      </c>
      <c r="B50" s="2" t="s">
        <v>135</v>
      </c>
      <c r="C50" s="2" t="s">
        <v>82</v>
      </c>
      <c r="D50" s="2" t="s">
        <v>83</v>
      </c>
      <c r="E50" s="2" t="s">
        <v>84</v>
      </c>
      <c r="F50" s="2" t="s">
        <v>85</v>
      </c>
      <c r="G50" s="3">
        <v>1</v>
      </c>
      <c r="H50" s="2" t="s">
        <v>86</v>
      </c>
      <c r="I50" s="3">
        <v>2014</v>
      </c>
      <c r="J50" s="2" t="s">
        <v>87</v>
      </c>
      <c r="K50" s="2" t="s">
        <v>88</v>
      </c>
      <c r="L50" s="2" t="s">
        <v>89</v>
      </c>
    </row>
    <row r="51" spans="1:12" ht="15.2" customHeight="1">
      <c r="A51" s="2" t="s">
        <v>136</v>
      </c>
      <c r="B51" s="2" t="s">
        <v>186</v>
      </c>
      <c r="C51" s="2" t="s">
        <v>91</v>
      </c>
      <c r="D51" s="2" t="s">
        <v>92</v>
      </c>
      <c r="E51" s="2" t="s">
        <v>84</v>
      </c>
      <c r="F51" s="2" t="s">
        <v>93</v>
      </c>
      <c r="G51" s="3">
        <v>2</v>
      </c>
      <c r="H51" s="2" t="s">
        <v>86</v>
      </c>
      <c r="I51" s="3">
        <v>2014</v>
      </c>
      <c r="J51" s="2" t="s">
        <v>87</v>
      </c>
      <c r="K51" s="2" t="s">
        <v>88</v>
      </c>
      <c r="L51" s="2" t="s">
        <v>94</v>
      </c>
    </row>
    <row r="52" spans="1:12" ht="15.2" customHeight="1">
      <c r="A52" s="2" t="s">
        <v>187</v>
      </c>
      <c r="B52" s="2" t="s">
        <v>14</v>
      </c>
      <c r="C52" s="2" t="s">
        <v>117</v>
      </c>
      <c r="D52" s="2" t="s">
        <v>118</v>
      </c>
      <c r="E52" s="2" t="s">
        <v>112</v>
      </c>
      <c r="F52" s="2" t="s">
        <v>119</v>
      </c>
      <c r="G52" s="3">
        <v>4</v>
      </c>
      <c r="H52" s="2" t="s">
        <v>19</v>
      </c>
      <c r="I52" s="3">
        <v>2019</v>
      </c>
      <c r="J52" s="2" t="s">
        <v>87</v>
      </c>
      <c r="K52" s="2" t="s">
        <v>114</v>
      </c>
      <c r="L52" s="2" t="s">
        <v>120</v>
      </c>
    </row>
    <row r="53" spans="1:12" ht="15.2" customHeight="1">
      <c r="A53" s="2" t="s">
        <v>187</v>
      </c>
      <c r="B53" s="2" t="s">
        <v>23</v>
      </c>
      <c r="C53" s="2" t="s">
        <v>188</v>
      </c>
      <c r="D53" s="2" t="s">
        <v>189</v>
      </c>
      <c r="E53" s="2" t="s">
        <v>190</v>
      </c>
      <c r="F53" s="2" t="s">
        <v>191</v>
      </c>
      <c r="G53" s="3">
        <v>1</v>
      </c>
      <c r="H53" s="2" t="s">
        <v>28</v>
      </c>
      <c r="I53" s="3">
        <v>2014</v>
      </c>
      <c r="J53" s="2" t="s">
        <v>20</v>
      </c>
      <c r="K53" s="2" t="s">
        <v>192</v>
      </c>
      <c r="L53" s="2" t="s">
        <v>193</v>
      </c>
    </row>
    <row r="54" spans="1:12" ht="15.2" customHeight="1">
      <c r="A54" s="2" t="s">
        <v>187</v>
      </c>
      <c r="B54" s="2" t="s">
        <v>32</v>
      </c>
      <c r="C54" s="2" t="s">
        <v>194</v>
      </c>
      <c r="D54" s="2" t="s">
        <v>195</v>
      </c>
      <c r="E54" s="2" t="s">
        <v>196</v>
      </c>
      <c r="F54" s="2" t="s">
        <v>197</v>
      </c>
      <c r="G54" s="3">
        <v>6</v>
      </c>
      <c r="H54" s="2" t="s">
        <v>86</v>
      </c>
      <c r="I54" s="3">
        <v>2017</v>
      </c>
      <c r="J54" s="2" t="s">
        <v>20</v>
      </c>
      <c r="K54" s="2" t="s">
        <v>198</v>
      </c>
      <c r="L54" s="2" t="s">
        <v>199</v>
      </c>
    </row>
    <row r="55" spans="1:12" ht="15.2" customHeight="1">
      <c r="A55" s="2" t="s">
        <v>187</v>
      </c>
      <c r="B55" s="2" t="s">
        <v>200</v>
      </c>
      <c r="C55" s="2" t="s">
        <v>201</v>
      </c>
      <c r="D55" s="2" t="s">
        <v>202</v>
      </c>
      <c r="E55" s="2" t="s">
        <v>203</v>
      </c>
      <c r="F55" s="2" t="s">
        <v>204</v>
      </c>
      <c r="G55" s="3">
        <v>14</v>
      </c>
      <c r="H55" s="2" t="s">
        <v>205</v>
      </c>
      <c r="I55" s="3">
        <v>2015</v>
      </c>
      <c r="J55" s="2" t="s">
        <v>20</v>
      </c>
      <c r="K55" s="2" t="s">
        <v>206</v>
      </c>
      <c r="L55" s="2" t="s">
        <v>207</v>
      </c>
    </row>
    <row r="56" spans="1:12" ht="15.2" customHeight="1">
      <c r="A56" s="2" t="s">
        <v>187</v>
      </c>
      <c r="B56" s="2" t="s">
        <v>44</v>
      </c>
      <c r="C56" s="2" t="s">
        <v>167</v>
      </c>
      <c r="D56" s="2" t="s">
        <v>168</v>
      </c>
      <c r="E56" s="2" t="s">
        <v>34</v>
      </c>
      <c r="F56" s="2" t="s">
        <v>169</v>
      </c>
      <c r="G56" s="3">
        <v>3</v>
      </c>
      <c r="H56" s="2" t="s">
        <v>28</v>
      </c>
      <c r="I56" s="3">
        <v>2018</v>
      </c>
      <c r="J56" s="2" t="s">
        <v>20</v>
      </c>
      <c r="K56" s="2" t="s">
        <v>36</v>
      </c>
      <c r="L56" s="2" t="s">
        <v>170</v>
      </c>
    </row>
    <row r="57" spans="1:12" ht="15.2" customHeight="1">
      <c r="A57" s="2" t="s">
        <v>187</v>
      </c>
      <c r="B57" s="2" t="s">
        <v>52</v>
      </c>
      <c r="C57" s="2" t="s">
        <v>208</v>
      </c>
      <c r="D57" s="2" t="s">
        <v>209</v>
      </c>
      <c r="E57" s="2" t="s">
        <v>210</v>
      </c>
      <c r="F57" s="2" t="s">
        <v>211</v>
      </c>
      <c r="G57" s="3">
        <v>3</v>
      </c>
      <c r="H57" s="2" t="s">
        <v>28</v>
      </c>
      <c r="I57" s="3">
        <v>2017</v>
      </c>
      <c r="J57" s="2" t="s">
        <v>29</v>
      </c>
      <c r="K57" s="2" t="s">
        <v>212</v>
      </c>
      <c r="L57" s="2" t="s">
        <v>213</v>
      </c>
    </row>
    <row r="58" spans="1:12" ht="15.2" customHeight="1">
      <c r="A58" s="2" t="s">
        <v>187</v>
      </c>
      <c r="B58" s="2" t="s">
        <v>58</v>
      </c>
      <c r="C58" s="2" t="s">
        <v>214</v>
      </c>
      <c r="D58" s="2" t="s">
        <v>215</v>
      </c>
      <c r="E58" s="2" t="s">
        <v>216</v>
      </c>
      <c r="F58" s="2" t="s">
        <v>217</v>
      </c>
      <c r="G58" s="3">
        <v>1</v>
      </c>
      <c r="H58" s="2" t="s">
        <v>28</v>
      </c>
      <c r="I58" s="3">
        <v>2019</v>
      </c>
      <c r="J58" s="2" t="s">
        <v>20</v>
      </c>
      <c r="K58" s="2" t="s">
        <v>218</v>
      </c>
      <c r="L58" s="2"/>
    </row>
    <row r="59" spans="1:12" ht="15.2" customHeight="1">
      <c r="A59" s="2" t="s">
        <v>187</v>
      </c>
      <c r="B59" s="2" t="s">
        <v>65</v>
      </c>
      <c r="C59" s="2" t="s">
        <v>219</v>
      </c>
      <c r="D59" s="2" t="s">
        <v>220</v>
      </c>
      <c r="E59" s="2" t="s">
        <v>216</v>
      </c>
      <c r="F59" s="2" t="s">
        <v>221</v>
      </c>
      <c r="G59" s="3">
        <v>2</v>
      </c>
      <c r="H59" s="2" t="s">
        <v>28</v>
      </c>
      <c r="I59" s="3">
        <v>2019</v>
      </c>
      <c r="J59" s="2" t="s">
        <v>20</v>
      </c>
      <c r="K59" s="2" t="s">
        <v>218</v>
      </c>
      <c r="L59" s="2"/>
    </row>
    <row r="60" spans="1:12" ht="15.2" customHeight="1">
      <c r="A60" s="2" t="s">
        <v>187</v>
      </c>
      <c r="B60" s="2" t="s">
        <v>222</v>
      </c>
      <c r="C60" s="2" t="s">
        <v>223</v>
      </c>
      <c r="D60" s="2" t="s">
        <v>224</v>
      </c>
      <c r="E60" s="2" t="s">
        <v>225</v>
      </c>
      <c r="F60" s="2" t="s">
        <v>226</v>
      </c>
      <c r="G60" s="3">
        <v>1</v>
      </c>
      <c r="H60" s="2" t="s">
        <v>28</v>
      </c>
      <c r="I60" s="3">
        <v>2018</v>
      </c>
      <c r="J60" s="2" t="s">
        <v>20</v>
      </c>
      <c r="K60" s="2" t="s">
        <v>227</v>
      </c>
      <c r="L60" s="2" t="s">
        <v>228</v>
      </c>
    </row>
    <row r="61" spans="1:12" ht="15.2" customHeight="1">
      <c r="A61" s="2" t="s">
        <v>187</v>
      </c>
      <c r="B61" s="2" t="s">
        <v>158</v>
      </c>
      <c r="C61" s="2" t="s">
        <v>229</v>
      </c>
      <c r="D61" s="2" t="s">
        <v>230</v>
      </c>
      <c r="E61" s="2" t="s">
        <v>225</v>
      </c>
      <c r="F61" s="2" t="s">
        <v>231</v>
      </c>
      <c r="G61" s="3">
        <v>2</v>
      </c>
      <c r="H61" s="2" t="s">
        <v>28</v>
      </c>
      <c r="I61" s="3">
        <v>2018</v>
      </c>
      <c r="J61" s="2" t="s">
        <v>20</v>
      </c>
      <c r="K61" s="2" t="s">
        <v>227</v>
      </c>
      <c r="L61" s="2" t="s">
        <v>232</v>
      </c>
    </row>
    <row r="62" spans="1:12" ht="15.2" customHeight="1">
      <c r="A62" s="2" t="s">
        <v>187</v>
      </c>
      <c r="B62" s="2" t="s">
        <v>233</v>
      </c>
      <c r="C62" s="2" t="s">
        <v>234</v>
      </c>
      <c r="D62" s="2" t="s">
        <v>235</v>
      </c>
      <c r="E62" s="2" t="s">
        <v>236</v>
      </c>
      <c r="F62" s="2" t="s">
        <v>237</v>
      </c>
      <c r="G62" s="3">
        <v>2</v>
      </c>
      <c r="H62" s="2" t="s">
        <v>28</v>
      </c>
      <c r="I62" s="3">
        <v>2018</v>
      </c>
      <c r="J62" s="2" t="s">
        <v>29</v>
      </c>
      <c r="K62" s="2" t="s">
        <v>238</v>
      </c>
      <c r="L62" s="2" t="s">
        <v>239</v>
      </c>
    </row>
    <row r="63" spans="1:12" ht="15.2" customHeight="1">
      <c r="A63" s="2" t="s">
        <v>187</v>
      </c>
      <c r="B63" s="2" t="s">
        <v>95</v>
      </c>
      <c r="C63" s="2" t="s">
        <v>144</v>
      </c>
      <c r="D63" s="2" t="s">
        <v>145</v>
      </c>
      <c r="E63" s="2" t="s">
        <v>146</v>
      </c>
      <c r="F63" s="2" t="s">
        <v>147</v>
      </c>
      <c r="G63" s="3">
        <v>1</v>
      </c>
      <c r="H63" s="2" t="s">
        <v>28</v>
      </c>
      <c r="I63" s="3">
        <v>2014</v>
      </c>
      <c r="J63" s="2" t="s">
        <v>29</v>
      </c>
      <c r="K63" s="2" t="s">
        <v>148</v>
      </c>
      <c r="L63" s="2" t="s">
        <v>149</v>
      </c>
    </row>
    <row r="64" spans="1:12" ht="15.2" customHeight="1">
      <c r="A64" s="2" t="s">
        <v>187</v>
      </c>
      <c r="B64" s="2" t="s">
        <v>240</v>
      </c>
      <c r="C64" s="2" t="s">
        <v>241</v>
      </c>
      <c r="D64" s="2" t="s">
        <v>242</v>
      </c>
      <c r="E64" s="2" t="s">
        <v>84</v>
      </c>
      <c r="F64" s="2" t="s">
        <v>243</v>
      </c>
      <c r="G64" s="3">
        <v>9</v>
      </c>
      <c r="H64" s="2" t="s">
        <v>86</v>
      </c>
      <c r="I64" s="3">
        <v>2015</v>
      </c>
      <c r="J64" s="2" t="s">
        <v>87</v>
      </c>
      <c r="K64" s="2" t="s">
        <v>244</v>
      </c>
      <c r="L64" s="2" t="s">
        <v>245</v>
      </c>
    </row>
    <row r="65" spans="1:12" ht="15.2" customHeight="1">
      <c r="A65" s="2" t="s">
        <v>187</v>
      </c>
      <c r="B65" s="2" t="s">
        <v>246</v>
      </c>
      <c r="C65" s="2" t="s">
        <v>247</v>
      </c>
      <c r="D65" s="2" t="s">
        <v>248</v>
      </c>
      <c r="E65" s="2" t="s">
        <v>84</v>
      </c>
      <c r="F65" s="2" t="s">
        <v>249</v>
      </c>
      <c r="G65" s="3">
        <v>10</v>
      </c>
      <c r="H65" s="2" t="s">
        <v>86</v>
      </c>
      <c r="I65" s="3">
        <v>2015</v>
      </c>
      <c r="J65" s="2" t="s">
        <v>87</v>
      </c>
      <c r="K65" s="2" t="s">
        <v>244</v>
      </c>
      <c r="L65" s="2" t="s">
        <v>250</v>
      </c>
    </row>
    <row r="66" spans="1:12" ht="15.2" customHeight="1">
      <c r="A66" s="2" t="s">
        <v>187</v>
      </c>
      <c r="B66" s="2" t="s">
        <v>251</v>
      </c>
      <c r="C66" s="2" t="s">
        <v>159</v>
      </c>
      <c r="D66" s="2" t="s">
        <v>160</v>
      </c>
      <c r="E66" s="2" t="s">
        <v>161</v>
      </c>
      <c r="F66" s="2" t="s">
        <v>162</v>
      </c>
      <c r="G66" s="3">
        <v>1</v>
      </c>
      <c r="H66" s="2" t="s">
        <v>28</v>
      </c>
      <c r="I66" s="3">
        <v>2018</v>
      </c>
      <c r="J66" s="2" t="s">
        <v>20</v>
      </c>
      <c r="K66" s="2" t="s">
        <v>163</v>
      </c>
      <c r="L66" s="2" t="s">
        <v>164</v>
      </c>
    </row>
    <row r="67" spans="1:12" ht="15.2" customHeight="1">
      <c r="A67" s="2" t="s">
        <v>187</v>
      </c>
      <c r="B67" s="2" t="s">
        <v>109</v>
      </c>
      <c r="C67" s="2"/>
      <c r="D67" s="2" t="s">
        <v>252</v>
      </c>
      <c r="E67" s="2" t="s">
        <v>253</v>
      </c>
      <c r="F67" s="2" t="s">
        <v>254</v>
      </c>
      <c r="G67" s="3">
        <v>1</v>
      </c>
      <c r="H67" s="2" t="s">
        <v>28</v>
      </c>
      <c r="I67" s="3">
        <v>2019</v>
      </c>
      <c r="J67" s="2" t="s">
        <v>20</v>
      </c>
      <c r="K67" s="2" t="s">
        <v>255</v>
      </c>
      <c r="L67" s="2"/>
    </row>
    <row r="68" spans="1:12" ht="15.2" customHeight="1">
      <c r="A68" s="2" t="s">
        <v>187</v>
      </c>
      <c r="B68" s="2" t="s">
        <v>116</v>
      </c>
      <c r="C68" s="2" t="s">
        <v>256</v>
      </c>
      <c r="D68" s="2" t="s">
        <v>257</v>
      </c>
      <c r="E68" s="2" t="s">
        <v>253</v>
      </c>
      <c r="F68" s="2" t="s">
        <v>258</v>
      </c>
      <c r="G68" s="3">
        <v>1</v>
      </c>
      <c r="H68" s="2" t="s">
        <v>28</v>
      </c>
      <c r="I68" s="3">
        <v>2017</v>
      </c>
      <c r="J68" s="2" t="s">
        <v>20</v>
      </c>
      <c r="K68" s="2" t="s">
        <v>255</v>
      </c>
      <c r="L68" s="2" t="s">
        <v>259</v>
      </c>
    </row>
    <row r="69" spans="1:12" ht="15.2" customHeight="1">
      <c r="A69" s="2" t="s">
        <v>187</v>
      </c>
      <c r="B69" s="2" t="s">
        <v>121</v>
      </c>
      <c r="C69" s="2" t="s">
        <v>175</v>
      </c>
      <c r="D69" s="2" t="s">
        <v>176</v>
      </c>
      <c r="E69" s="2" t="s">
        <v>61</v>
      </c>
      <c r="F69" s="2" t="s">
        <v>177</v>
      </c>
      <c r="G69" s="3">
        <v>37</v>
      </c>
      <c r="H69" s="2" t="s">
        <v>28</v>
      </c>
      <c r="I69" s="3">
        <v>2010</v>
      </c>
      <c r="J69" s="2" t="s">
        <v>20</v>
      </c>
      <c r="K69" s="2" t="s">
        <v>63</v>
      </c>
      <c r="L69" s="2"/>
    </row>
    <row r="70" spans="1:12" ht="15.2" customHeight="1">
      <c r="A70" s="2" t="s">
        <v>187</v>
      </c>
      <c r="B70" s="2" t="s">
        <v>122</v>
      </c>
      <c r="C70" s="2"/>
      <c r="D70" s="2" t="s">
        <v>178</v>
      </c>
      <c r="E70" s="2" t="s">
        <v>179</v>
      </c>
      <c r="F70" s="2" t="s">
        <v>180</v>
      </c>
      <c r="G70" s="3">
        <v>6</v>
      </c>
      <c r="H70" s="2" t="s">
        <v>28</v>
      </c>
      <c r="I70" s="3">
        <v>2018</v>
      </c>
      <c r="J70" s="2" t="s">
        <v>20</v>
      </c>
      <c r="K70" s="2" t="s">
        <v>181</v>
      </c>
      <c r="L70" s="2" t="s">
        <v>182</v>
      </c>
    </row>
    <row r="71" spans="1:12" ht="15.2" customHeight="1">
      <c r="A71" s="2" t="s">
        <v>187</v>
      </c>
      <c r="B71" s="2" t="s">
        <v>123</v>
      </c>
      <c r="C71" s="2"/>
      <c r="D71" s="2" t="s">
        <v>252</v>
      </c>
      <c r="E71" s="2" t="s">
        <v>253</v>
      </c>
      <c r="F71" s="2" t="s">
        <v>254</v>
      </c>
      <c r="G71" s="3">
        <v>1</v>
      </c>
      <c r="H71" s="2" t="s">
        <v>28</v>
      </c>
      <c r="I71" s="3">
        <v>2019</v>
      </c>
      <c r="J71" s="2" t="s">
        <v>20</v>
      </c>
      <c r="K71" s="2" t="s">
        <v>255</v>
      </c>
      <c r="L71" s="2"/>
    </row>
    <row r="72" spans="1:12" ht="15.2" customHeight="1">
      <c r="A72" s="2" t="s">
        <v>187</v>
      </c>
      <c r="B72" s="2" t="s">
        <v>124</v>
      </c>
      <c r="C72" s="2" t="s">
        <v>256</v>
      </c>
      <c r="D72" s="2" t="s">
        <v>257</v>
      </c>
      <c r="E72" s="2" t="s">
        <v>253</v>
      </c>
      <c r="F72" s="2" t="s">
        <v>258</v>
      </c>
      <c r="G72" s="3">
        <v>1</v>
      </c>
      <c r="H72" s="2" t="s">
        <v>28</v>
      </c>
      <c r="I72" s="3">
        <v>2017</v>
      </c>
      <c r="J72" s="2" t="s">
        <v>20</v>
      </c>
      <c r="K72" s="2" t="s">
        <v>255</v>
      </c>
      <c r="L72" s="2" t="s">
        <v>259</v>
      </c>
    </row>
    <row r="73" spans="1:12" ht="15.2" customHeight="1">
      <c r="A73" s="2" t="s">
        <v>187</v>
      </c>
      <c r="B73" s="2" t="s">
        <v>125</v>
      </c>
      <c r="C73" s="2" t="s">
        <v>159</v>
      </c>
      <c r="D73" s="2" t="s">
        <v>160</v>
      </c>
      <c r="E73" s="2" t="s">
        <v>161</v>
      </c>
      <c r="F73" s="2" t="s">
        <v>162</v>
      </c>
      <c r="G73" s="3">
        <v>1</v>
      </c>
      <c r="H73" s="2" t="s">
        <v>28</v>
      </c>
      <c r="I73" s="3">
        <v>2018</v>
      </c>
      <c r="J73" s="2" t="s">
        <v>20</v>
      </c>
      <c r="K73" s="2" t="s">
        <v>163</v>
      </c>
      <c r="L73" s="2" t="s">
        <v>164</v>
      </c>
    </row>
    <row r="74" spans="1:12" ht="15.2" customHeight="1">
      <c r="A74" s="2" t="s">
        <v>187</v>
      </c>
      <c r="B74" s="2" t="s">
        <v>128</v>
      </c>
      <c r="C74" s="2" t="s">
        <v>241</v>
      </c>
      <c r="D74" s="2" t="s">
        <v>242</v>
      </c>
      <c r="E74" s="2" t="s">
        <v>84</v>
      </c>
      <c r="F74" s="2" t="s">
        <v>243</v>
      </c>
      <c r="G74" s="3">
        <v>9</v>
      </c>
      <c r="H74" s="2" t="s">
        <v>86</v>
      </c>
      <c r="I74" s="3">
        <v>2015</v>
      </c>
      <c r="J74" s="2" t="s">
        <v>87</v>
      </c>
      <c r="K74" s="2" t="s">
        <v>244</v>
      </c>
      <c r="L74" s="2" t="s">
        <v>245</v>
      </c>
    </row>
    <row r="75" spans="1:12" ht="15.2" customHeight="1">
      <c r="A75" s="2" t="s">
        <v>187</v>
      </c>
      <c r="B75" s="2" t="s">
        <v>260</v>
      </c>
      <c r="C75" s="2" t="s">
        <v>247</v>
      </c>
      <c r="D75" s="2" t="s">
        <v>248</v>
      </c>
      <c r="E75" s="2" t="s">
        <v>84</v>
      </c>
      <c r="F75" s="2" t="s">
        <v>249</v>
      </c>
      <c r="G75" s="3">
        <v>10</v>
      </c>
      <c r="H75" s="2" t="s">
        <v>86</v>
      </c>
      <c r="I75" s="3">
        <v>2015</v>
      </c>
      <c r="J75" s="2" t="s">
        <v>87</v>
      </c>
      <c r="K75" s="2" t="s">
        <v>244</v>
      </c>
      <c r="L75" s="2" t="s">
        <v>250</v>
      </c>
    </row>
    <row r="76" spans="1:12" ht="15.2" customHeight="1">
      <c r="A76" s="2" t="s">
        <v>187</v>
      </c>
      <c r="B76" s="2" t="s">
        <v>261</v>
      </c>
      <c r="C76" s="2" t="s">
        <v>167</v>
      </c>
      <c r="D76" s="2" t="s">
        <v>168</v>
      </c>
      <c r="E76" s="2" t="s">
        <v>34</v>
      </c>
      <c r="F76" s="2" t="s">
        <v>169</v>
      </c>
      <c r="G76" s="3">
        <v>3</v>
      </c>
      <c r="H76" s="2" t="s">
        <v>28</v>
      </c>
      <c r="I76" s="3">
        <v>2018</v>
      </c>
      <c r="J76" s="2" t="s">
        <v>20</v>
      </c>
      <c r="K76" s="2" t="s">
        <v>36</v>
      </c>
      <c r="L76" s="2" t="s">
        <v>170</v>
      </c>
    </row>
    <row r="77" spans="1:12" ht="15.2" customHeight="1">
      <c r="A77" s="2" t="s">
        <v>187</v>
      </c>
      <c r="B77" s="2" t="s">
        <v>262</v>
      </c>
      <c r="C77" s="2" t="s">
        <v>208</v>
      </c>
      <c r="D77" s="2" t="s">
        <v>209</v>
      </c>
      <c r="E77" s="2" t="s">
        <v>210</v>
      </c>
      <c r="F77" s="2" t="s">
        <v>211</v>
      </c>
      <c r="G77" s="3">
        <v>3</v>
      </c>
      <c r="H77" s="2" t="s">
        <v>28</v>
      </c>
      <c r="I77" s="3">
        <v>2017</v>
      </c>
      <c r="J77" s="2" t="s">
        <v>29</v>
      </c>
      <c r="K77" s="2" t="s">
        <v>212</v>
      </c>
      <c r="L77" s="2" t="s">
        <v>213</v>
      </c>
    </row>
    <row r="78" spans="1:12" ht="15.2" customHeight="1">
      <c r="A78" s="2" t="s">
        <v>263</v>
      </c>
      <c r="B78" s="2" t="s">
        <v>14</v>
      </c>
      <c r="C78" s="2" t="s">
        <v>24</v>
      </c>
      <c r="D78" s="2" t="s">
        <v>25</v>
      </c>
      <c r="E78" s="2" t="s">
        <v>26</v>
      </c>
      <c r="F78" s="2" t="s">
        <v>27</v>
      </c>
      <c r="G78" s="3">
        <v>1</v>
      </c>
      <c r="H78" s="2" t="s">
        <v>28</v>
      </c>
      <c r="I78" s="3">
        <v>2015</v>
      </c>
      <c r="J78" s="2" t="s">
        <v>29</v>
      </c>
      <c r="K78" s="2" t="s">
        <v>30</v>
      </c>
      <c r="L78" s="2" t="s">
        <v>31</v>
      </c>
    </row>
    <row r="79" spans="1:12" ht="15.2" customHeight="1">
      <c r="A79" s="2" t="s">
        <v>263</v>
      </c>
      <c r="B79" s="2" t="s">
        <v>23</v>
      </c>
      <c r="C79" s="2" t="s">
        <v>264</v>
      </c>
      <c r="D79" s="2" t="s">
        <v>265</v>
      </c>
      <c r="E79" s="2" t="s">
        <v>61</v>
      </c>
      <c r="F79" s="2" t="s">
        <v>266</v>
      </c>
      <c r="G79" s="3">
        <v>34</v>
      </c>
      <c r="H79" s="2" t="s">
        <v>19</v>
      </c>
      <c r="I79" s="3">
        <v>2010</v>
      </c>
      <c r="J79" s="2" t="s">
        <v>20</v>
      </c>
      <c r="K79" s="2" t="s">
        <v>63</v>
      </c>
      <c r="L79" s="2" t="s">
        <v>267</v>
      </c>
    </row>
    <row r="80" spans="1:12" ht="15.2" customHeight="1">
      <c r="A80" s="2" t="s">
        <v>263</v>
      </c>
      <c r="B80" s="2" t="s">
        <v>32</v>
      </c>
      <c r="C80" s="2" t="s">
        <v>268</v>
      </c>
      <c r="D80" s="2" t="s">
        <v>269</v>
      </c>
      <c r="E80" s="2" t="s">
        <v>196</v>
      </c>
      <c r="F80" s="2" t="s">
        <v>270</v>
      </c>
      <c r="G80" s="3">
        <v>7</v>
      </c>
      <c r="H80" s="2" t="s">
        <v>86</v>
      </c>
      <c r="I80" s="3">
        <v>2017</v>
      </c>
      <c r="J80" s="2" t="s">
        <v>20</v>
      </c>
      <c r="K80" s="2" t="s">
        <v>198</v>
      </c>
      <c r="L80" s="2" t="s">
        <v>271</v>
      </c>
    </row>
    <row r="81" spans="1:12" ht="15.2" customHeight="1">
      <c r="A81" s="2" t="s">
        <v>263</v>
      </c>
      <c r="B81" s="2" t="s">
        <v>200</v>
      </c>
      <c r="C81" s="2" t="s">
        <v>272</v>
      </c>
      <c r="D81" s="2" t="s">
        <v>273</v>
      </c>
      <c r="E81" s="2" t="s">
        <v>203</v>
      </c>
      <c r="F81" s="2" t="s">
        <v>274</v>
      </c>
      <c r="G81" s="3">
        <v>15</v>
      </c>
      <c r="H81" s="2" t="s">
        <v>205</v>
      </c>
      <c r="I81" s="3">
        <v>2015</v>
      </c>
      <c r="J81" s="2" t="s">
        <v>20</v>
      </c>
      <c r="K81" s="2" t="s">
        <v>206</v>
      </c>
      <c r="L81" s="2" t="s">
        <v>275</v>
      </c>
    </row>
    <row r="82" spans="1:12" ht="15.2" customHeight="1">
      <c r="A82" s="2" t="s">
        <v>263</v>
      </c>
      <c r="B82" s="2" t="s">
        <v>44</v>
      </c>
      <c r="C82" s="2" t="s">
        <v>276</v>
      </c>
      <c r="D82" s="2" t="s">
        <v>277</v>
      </c>
      <c r="E82" s="2" t="s">
        <v>34</v>
      </c>
      <c r="F82" s="2" t="s">
        <v>278</v>
      </c>
      <c r="G82" s="3">
        <v>4</v>
      </c>
      <c r="H82" s="2" t="s">
        <v>28</v>
      </c>
      <c r="I82" s="3">
        <v>2018</v>
      </c>
      <c r="J82" s="2" t="s">
        <v>20</v>
      </c>
      <c r="K82" s="2" t="s">
        <v>36</v>
      </c>
      <c r="L82" s="2" t="s">
        <v>279</v>
      </c>
    </row>
    <row r="83" spans="1:12" ht="15.2" customHeight="1">
      <c r="A83" s="2" t="s">
        <v>263</v>
      </c>
      <c r="B83" s="2" t="s">
        <v>52</v>
      </c>
      <c r="C83" s="2" t="s">
        <v>280</v>
      </c>
      <c r="D83" s="2" t="s">
        <v>281</v>
      </c>
      <c r="E83" s="2" t="s">
        <v>84</v>
      </c>
      <c r="F83" s="2" t="s">
        <v>282</v>
      </c>
      <c r="G83" s="3">
        <v>11</v>
      </c>
      <c r="H83" s="2" t="s">
        <v>86</v>
      </c>
      <c r="I83" s="3">
        <v>2015</v>
      </c>
      <c r="J83" s="2" t="s">
        <v>87</v>
      </c>
      <c r="K83" s="2" t="s">
        <v>244</v>
      </c>
      <c r="L83" s="2" t="s">
        <v>283</v>
      </c>
    </row>
    <row r="84" spans="1:12" ht="15.2" customHeight="1">
      <c r="A84" s="2" t="s">
        <v>263</v>
      </c>
      <c r="B84" s="2" t="s">
        <v>284</v>
      </c>
      <c r="C84" s="2" t="s">
        <v>285</v>
      </c>
      <c r="D84" s="2" t="s">
        <v>286</v>
      </c>
      <c r="E84" s="2" t="s">
        <v>84</v>
      </c>
      <c r="F84" s="2" t="s">
        <v>287</v>
      </c>
      <c r="G84" s="3">
        <v>12</v>
      </c>
      <c r="H84" s="2" t="s">
        <v>86</v>
      </c>
      <c r="I84" s="3">
        <v>2014</v>
      </c>
      <c r="J84" s="2" t="s">
        <v>87</v>
      </c>
      <c r="K84" s="2" t="s">
        <v>88</v>
      </c>
      <c r="L84" s="2" t="s">
        <v>288</v>
      </c>
    </row>
    <row r="85" spans="1:12" ht="15.2" customHeight="1">
      <c r="A85" s="2" t="s">
        <v>263</v>
      </c>
      <c r="B85" s="2" t="s">
        <v>58</v>
      </c>
      <c r="C85" s="2" t="s">
        <v>289</v>
      </c>
      <c r="D85" s="2" t="s">
        <v>290</v>
      </c>
      <c r="E85" s="2" t="s">
        <v>291</v>
      </c>
      <c r="F85" s="2" t="s">
        <v>292</v>
      </c>
      <c r="G85" s="3">
        <v>1</v>
      </c>
      <c r="H85" s="2" t="s">
        <v>28</v>
      </c>
      <c r="I85" s="3">
        <v>2017</v>
      </c>
      <c r="J85" s="2" t="s">
        <v>20</v>
      </c>
      <c r="K85" s="2" t="s">
        <v>293</v>
      </c>
      <c r="L85" s="2" t="s">
        <v>294</v>
      </c>
    </row>
    <row r="86" spans="1:12" ht="15.2" customHeight="1">
      <c r="A86" s="2" t="s">
        <v>263</v>
      </c>
      <c r="B86" s="2" t="s">
        <v>295</v>
      </c>
      <c r="C86" s="2" t="s">
        <v>296</v>
      </c>
      <c r="D86" s="2" t="s">
        <v>297</v>
      </c>
      <c r="E86" s="2" t="s">
        <v>291</v>
      </c>
      <c r="F86" s="2" t="s">
        <v>298</v>
      </c>
      <c r="G86" s="3">
        <v>2</v>
      </c>
      <c r="H86" s="2" t="s">
        <v>28</v>
      </c>
      <c r="I86" s="3">
        <v>2017</v>
      </c>
      <c r="J86" s="2" t="s">
        <v>20</v>
      </c>
      <c r="K86" s="2" t="s">
        <v>293</v>
      </c>
      <c r="L86" s="2" t="s">
        <v>299</v>
      </c>
    </row>
    <row r="87" spans="1:12" ht="15.2" customHeight="1">
      <c r="A87" s="2" t="s">
        <v>263</v>
      </c>
      <c r="B87" s="2" t="s">
        <v>157</v>
      </c>
      <c r="C87" s="2" t="s">
        <v>300</v>
      </c>
      <c r="D87" s="2" t="s">
        <v>301</v>
      </c>
      <c r="E87" s="2" t="s">
        <v>302</v>
      </c>
      <c r="F87" s="2" t="s">
        <v>303</v>
      </c>
      <c r="G87" s="3">
        <v>1</v>
      </c>
      <c r="H87" s="2" t="s">
        <v>205</v>
      </c>
      <c r="I87" s="3">
        <v>2015</v>
      </c>
      <c r="J87" s="2" t="s">
        <v>20</v>
      </c>
      <c r="K87" s="2" t="s">
        <v>304</v>
      </c>
      <c r="L87" s="2" t="s">
        <v>305</v>
      </c>
    </row>
    <row r="88" spans="1:12" ht="15.2" customHeight="1">
      <c r="A88" s="2" t="s">
        <v>263</v>
      </c>
      <c r="B88" s="2" t="s">
        <v>306</v>
      </c>
      <c r="C88" s="2" t="s">
        <v>307</v>
      </c>
      <c r="D88" s="2" t="s">
        <v>308</v>
      </c>
      <c r="E88" s="2" t="s">
        <v>309</v>
      </c>
      <c r="F88" s="2" t="s">
        <v>310</v>
      </c>
      <c r="G88" s="3">
        <v>5</v>
      </c>
      <c r="H88" s="2" t="s">
        <v>311</v>
      </c>
      <c r="I88" s="3">
        <v>2014</v>
      </c>
      <c r="J88" s="2" t="s">
        <v>87</v>
      </c>
      <c r="K88" s="2" t="s">
        <v>312</v>
      </c>
      <c r="L88" s="2" t="s">
        <v>313</v>
      </c>
    </row>
    <row r="89" spans="1:12" ht="15.2" customHeight="1">
      <c r="A89" s="2" t="s">
        <v>263</v>
      </c>
      <c r="B89" s="2" t="s">
        <v>233</v>
      </c>
      <c r="C89" s="2" t="s">
        <v>314</v>
      </c>
      <c r="D89" s="2" t="s">
        <v>315</v>
      </c>
      <c r="E89" s="2" t="s">
        <v>190</v>
      </c>
      <c r="F89" s="2" t="s">
        <v>316</v>
      </c>
      <c r="G89" s="3">
        <v>1</v>
      </c>
      <c r="H89" s="2" t="s">
        <v>28</v>
      </c>
      <c r="I89" s="3">
        <v>2011</v>
      </c>
      <c r="J89" s="2" t="s">
        <v>20</v>
      </c>
      <c r="K89" s="2" t="s">
        <v>317</v>
      </c>
      <c r="L89" s="2" t="s">
        <v>318</v>
      </c>
    </row>
    <row r="90" spans="1:12" ht="15.2" customHeight="1">
      <c r="A90" s="2" t="s">
        <v>263</v>
      </c>
      <c r="B90" s="2" t="s">
        <v>95</v>
      </c>
      <c r="C90" s="2" t="s">
        <v>319</v>
      </c>
      <c r="D90" s="2" t="s">
        <v>320</v>
      </c>
      <c r="E90" s="2" t="s">
        <v>146</v>
      </c>
      <c r="F90" s="2" t="s">
        <v>321</v>
      </c>
      <c r="G90" s="3">
        <v>2</v>
      </c>
      <c r="H90" s="2" t="s">
        <v>28</v>
      </c>
      <c r="I90" s="3">
        <v>2014</v>
      </c>
      <c r="J90" s="2" t="s">
        <v>29</v>
      </c>
      <c r="K90" s="2" t="s">
        <v>148</v>
      </c>
      <c r="L90" s="2" t="s">
        <v>322</v>
      </c>
    </row>
    <row r="91" spans="1:12" ht="15.2" customHeight="1">
      <c r="A91" s="2" t="s">
        <v>263</v>
      </c>
      <c r="B91" s="2" t="s">
        <v>240</v>
      </c>
      <c r="C91" s="2" t="s">
        <v>280</v>
      </c>
      <c r="D91" s="2" t="s">
        <v>281</v>
      </c>
      <c r="E91" s="2" t="s">
        <v>84</v>
      </c>
      <c r="F91" s="2" t="s">
        <v>282</v>
      </c>
      <c r="G91" s="3">
        <v>11</v>
      </c>
      <c r="H91" s="2" t="s">
        <v>86</v>
      </c>
      <c r="I91" s="3">
        <v>2015</v>
      </c>
      <c r="J91" s="2" t="s">
        <v>87</v>
      </c>
      <c r="K91" s="2" t="s">
        <v>244</v>
      </c>
      <c r="L91" s="2" t="s">
        <v>283</v>
      </c>
    </row>
    <row r="92" spans="1:12" ht="15.2" customHeight="1">
      <c r="A92" s="2" t="s">
        <v>263</v>
      </c>
      <c r="B92" s="2" t="s">
        <v>246</v>
      </c>
      <c r="C92" s="2" t="s">
        <v>323</v>
      </c>
      <c r="D92" s="2" t="s">
        <v>324</v>
      </c>
      <c r="E92" s="2" t="s">
        <v>84</v>
      </c>
      <c r="F92" s="2" t="s">
        <v>325</v>
      </c>
      <c r="G92" s="3">
        <v>12</v>
      </c>
      <c r="H92" s="2" t="s">
        <v>86</v>
      </c>
      <c r="I92" s="3">
        <v>2015</v>
      </c>
      <c r="J92" s="2" t="s">
        <v>87</v>
      </c>
      <c r="K92" s="2" t="s">
        <v>244</v>
      </c>
      <c r="L92" s="2" t="s">
        <v>326</v>
      </c>
    </row>
    <row r="93" spans="1:12" ht="15.2" customHeight="1">
      <c r="A93" s="2" t="s">
        <v>263</v>
      </c>
      <c r="B93" s="2" t="s">
        <v>251</v>
      </c>
      <c r="C93" s="2" t="s">
        <v>74</v>
      </c>
      <c r="D93" s="2" t="s">
        <v>75</v>
      </c>
      <c r="E93" s="2" t="s">
        <v>76</v>
      </c>
      <c r="F93" s="2" t="s">
        <v>77</v>
      </c>
      <c r="G93" s="3">
        <v>1</v>
      </c>
      <c r="H93" s="2" t="s">
        <v>28</v>
      </c>
      <c r="I93" s="3">
        <v>2013</v>
      </c>
      <c r="J93" s="2" t="s">
        <v>78</v>
      </c>
      <c r="K93" s="2" t="s">
        <v>79</v>
      </c>
      <c r="L93" s="2" t="s">
        <v>80</v>
      </c>
    </row>
    <row r="94" spans="1:12" ht="15.2" customHeight="1">
      <c r="A94" s="2" t="s">
        <v>263</v>
      </c>
      <c r="B94" s="2" t="s">
        <v>109</v>
      </c>
      <c r="C94" s="2" t="s">
        <v>327</v>
      </c>
      <c r="D94" s="2" t="s">
        <v>328</v>
      </c>
      <c r="E94" s="2" t="s">
        <v>203</v>
      </c>
      <c r="F94" s="2" t="s">
        <v>329</v>
      </c>
      <c r="G94" s="3">
        <v>2</v>
      </c>
      <c r="H94" s="2" t="s">
        <v>205</v>
      </c>
      <c r="I94" s="3">
        <v>2016</v>
      </c>
      <c r="J94" s="2" t="s">
        <v>20</v>
      </c>
      <c r="K94" s="2" t="s">
        <v>330</v>
      </c>
      <c r="L94" s="2" t="s">
        <v>331</v>
      </c>
    </row>
    <row r="95" spans="1:12" ht="15.2" customHeight="1">
      <c r="A95" s="2" t="s">
        <v>263</v>
      </c>
      <c r="B95" s="2" t="s">
        <v>332</v>
      </c>
      <c r="C95" s="2" t="s">
        <v>150</v>
      </c>
      <c r="D95" s="2" t="s">
        <v>151</v>
      </c>
      <c r="E95" s="2" t="s">
        <v>152</v>
      </c>
      <c r="F95" s="2" t="s">
        <v>153</v>
      </c>
      <c r="G95" s="3">
        <v>5</v>
      </c>
      <c r="H95" s="2" t="s">
        <v>28</v>
      </c>
      <c r="I95" s="3">
        <v>2016</v>
      </c>
      <c r="J95" s="2" t="s">
        <v>154</v>
      </c>
      <c r="K95" s="2" t="s">
        <v>155</v>
      </c>
      <c r="L95" s="2" t="s">
        <v>156</v>
      </c>
    </row>
    <row r="96" spans="1:12" ht="15.2" customHeight="1">
      <c r="A96" s="2" t="s">
        <v>263</v>
      </c>
      <c r="B96" s="2" t="s">
        <v>333</v>
      </c>
      <c r="C96" s="2" t="s">
        <v>82</v>
      </c>
      <c r="D96" s="2" t="s">
        <v>83</v>
      </c>
      <c r="E96" s="2" t="s">
        <v>84</v>
      </c>
      <c r="F96" s="2" t="s">
        <v>85</v>
      </c>
      <c r="G96" s="3">
        <v>1</v>
      </c>
      <c r="H96" s="2" t="s">
        <v>86</v>
      </c>
      <c r="I96" s="3">
        <v>2014</v>
      </c>
      <c r="J96" s="2" t="s">
        <v>87</v>
      </c>
      <c r="K96" s="2" t="s">
        <v>88</v>
      </c>
      <c r="L96" s="2" t="s">
        <v>89</v>
      </c>
    </row>
    <row r="97" spans="1:12" ht="15.2" customHeight="1">
      <c r="A97" s="2" t="s">
        <v>263</v>
      </c>
      <c r="B97" s="2" t="s">
        <v>122</v>
      </c>
      <c r="C97" s="2" t="s">
        <v>91</v>
      </c>
      <c r="D97" s="2" t="s">
        <v>92</v>
      </c>
      <c r="E97" s="2" t="s">
        <v>84</v>
      </c>
      <c r="F97" s="2" t="s">
        <v>93</v>
      </c>
      <c r="G97" s="3">
        <v>2</v>
      </c>
      <c r="H97" s="2" t="s">
        <v>86</v>
      </c>
      <c r="I97" s="3">
        <v>2014</v>
      </c>
      <c r="J97" s="2" t="s">
        <v>87</v>
      </c>
      <c r="K97" s="2" t="s">
        <v>88</v>
      </c>
      <c r="L97" s="2" t="s">
        <v>94</v>
      </c>
    </row>
    <row r="98" spans="1:12" ht="15.2" customHeight="1">
      <c r="A98" s="2" t="s">
        <v>263</v>
      </c>
      <c r="B98" s="2" t="s">
        <v>123</v>
      </c>
      <c r="C98" s="2" t="s">
        <v>327</v>
      </c>
      <c r="D98" s="2" t="s">
        <v>328</v>
      </c>
      <c r="E98" s="2" t="s">
        <v>203</v>
      </c>
      <c r="F98" s="2" t="s">
        <v>329</v>
      </c>
      <c r="G98" s="3">
        <v>2</v>
      </c>
      <c r="H98" s="2" t="s">
        <v>205</v>
      </c>
      <c r="I98" s="3">
        <v>2016</v>
      </c>
      <c r="J98" s="2" t="s">
        <v>20</v>
      </c>
      <c r="K98" s="2" t="s">
        <v>330</v>
      </c>
      <c r="L98" s="2" t="s">
        <v>331</v>
      </c>
    </row>
    <row r="99" spans="1:12" ht="15.2" customHeight="1">
      <c r="A99" s="2" t="s">
        <v>263</v>
      </c>
      <c r="B99" s="2" t="s">
        <v>125</v>
      </c>
      <c r="C99" s="2" t="s">
        <v>74</v>
      </c>
      <c r="D99" s="2" t="s">
        <v>75</v>
      </c>
      <c r="E99" s="2" t="s">
        <v>76</v>
      </c>
      <c r="F99" s="2" t="s">
        <v>77</v>
      </c>
      <c r="G99" s="3">
        <v>1</v>
      </c>
      <c r="H99" s="2" t="s">
        <v>28</v>
      </c>
      <c r="I99" s="3">
        <v>2013</v>
      </c>
      <c r="J99" s="2" t="s">
        <v>78</v>
      </c>
      <c r="K99" s="2" t="s">
        <v>79</v>
      </c>
      <c r="L99" s="2" t="s">
        <v>80</v>
      </c>
    </row>
    <row r="100" spans="1:12" ht="15.2" customHeight="1">
      <c r="A100" s="2" t="s">
        <v>263</v>
      </c>
      <c r="B100" s="2" t="s">
        <v>128</v>
      </c>
      <c r="C100" s="2" t="s">
        <v>280</v>
      </c>
      <c r="D100" s="2" t="s">
        <v>281</v>
      </c>
      <c r="E100" s="2" t="s">
        <v>84</v>
      </c>
      <c r="F100" s="2" t="s">
        <v>282</v>
      </c>
      <c r="G100" s="3">
        <v>11</v>
      </c>
      <c r="H100" s="2" t="s">
        <v>86</v>
      </c>
      <c r="I100" s="3">
        <v>2015</v>
      </c>
      <c r="J100" s="2" t="s">
        <v>87</v>
      </c>
      <c r="K100" s="2" t="s">
        <v>244</v>
      </c>
      <c r="L100" s="2" t="s">
        <v>283</v>
      </c>
    </row>
    <row r="101" spans="1:12" ht="15.2" customHeight="1">
      <c r="A101" s="2" t="s">
        <v>263</v>
      </c>
      <c r="B101" s="2" t="s">
        <v>260</v>
      </c>
      <c r="C101" s="2" t="s">
        <v>323</v>
      </c>
      <c r="D101" s="2" t="s">
        <v>324</v>
      </c>
      <c r="E101" s="2" t="s">
        <v>84</v>
      </c>
      <c r="F101" s="2" t="s">
        <v>325</v>
      </c>
      <c r="G101" s="3">
        <v>12</v>
      </c>
      <c r="H101" s="2" t="s">
        <v>86</v>
      </c>
      <c r="I101" s="3">
        <v>2015</v>
      </c>
      <c r="J101" s="2" t="s">
        <v>87</v>
      </c>
      <c r="K101" s="2" t="s">
        <v>244</v>
      </c>
      <c r="L101" s="2" t="s">
        <v>326</v>
      </c>
    </row>
    <row r="102" spans="1:12" ht="15.2" customHeight="1">
      <c r="A102" s="2" t="s">
        <v>263</v>
      </c>
      <c r="B102" s="2" t="s">
        <v>261</v>
      </c>
      <c r="C102" s="2" t="s">
        <v>276</v>
      </c>
      <c r="D102" s="2" t="s">
        <v>277</v>
      </c>
      <c r="E102" s="2" t="s">
        <v>34</v>
      </c>
      <c r="F102" s="2" t="s">
        <v>278</v>
      </c>
      <c r="G102" s="3">
        <v>4</v>
      </c>
      <c r="H102" s="2" t="s">
        <v>28</v>
      </c>
      <c r="I102" s="3">
        <v>2018</v>
      </c>
      <c r="J102" s="2" t="s">
        <v>20</v>
      </c>
      <c r="K102" s="2" t="s">
        <v>36</v>
      </c>
      <c r="L102" s="2" t="s">
        <v>279</v>
      </c>
    </row>
    <row r="103" spans="1:12" ht="15.2" customHeight="1">
      <c r="A103" s="2" t="s">
        <v>263</v>
      </c>
      <c r="B103" s="2" t="s">
        <v>262</v>
      </c>
      <c r="C103" s="2" t="s">
        <v>280</v>
      </c>
      <c r="D103" s="2" t="s">
        <v>281</v>
      </c>
      <c r="E103" s="2" t="s">
        <v>84</v>
      </c>
      <c r="F103" s="2" t="s">
        <v>282</v>
      </c>
      <c r="G103" s="3">
        <v>11</v>
      </c>
      <c r="H103" s="2" t="s">
        <v>86</v>
      </c>
      <c r="I103" s="3">
        <v>2015</v>
      </c>
      <c r="J103" s="2" t="s">
        <v>87</v>
      </c>
      <c r="K103" s="2" t="s">
        <v>244</v>
      </c>
      <c r="L103" s="2" t="s">
        <v>283</v>
      </c>
    </row>
    <row r="104" spans="1:12" ht="15.2" customHeight="1">
      <c r="A104" s="2" t="s">
        <v>263</v>
      </c>
      <c r="B104" s="2" t="s">
        <v>334</v>
      </c>
      <c r="C104" s="2" t="s">
        <v>285</v>
      </c>
      <c r="D104" s="2" t="s">
        <v>286</v>
      </c>
      <c r="E104" s="2" t="s">
        <v>84</v>
      </c>
      <c r="F104" s="2" t="s">
        <v>287</v>
      </c>
      <c r="G104" s="3">
        <v>12</v>
      </c>
      <c r="H104" s="2" t="s">
        <v>86</v>
      </c>
      <c r="I104" s="3">
        <v>2014</v>
      </c>
      <c r="J104" s="2" t="s">
        <v>87</v>
      </c>
      <c r="K104" s="2" t="s">
        <v>88</v>
      </c>
      <c r="L104" s="2" t="s">
        <v>288</v>
      </c>
    </row>
    <row r="105" spans="1:12" ht="15.2" customHeight="1">
      <c r="A105" s="2" t="s">
        <v>335</v>
      </c>
      <c r="B105" s="2" t="s">
        <v>14</v>
      </c>
      <c r="C105" s="2" t="s">
        <v>45</v>
      </c>
      <c r="D105" s="2" t="s">
        <v>46</v>
      </c>
      <c r="E105" s="2" t="s">
        <v>47</v>
      </c>
      <c r="F105" s="2" t="s">
        <v>48</v>
      </c>
      <c r="G105" s="3">
        <v>36</v>
      </c>
      <c r="H105" s="2" t="s">
        <v>49</v>
      </c>
      <c r="I105" s="3">
        <v>2010</v>
      </c>
      <c r="J105" s="2" t="s">
        <v>20</v>
      </c>
      <c r="K105" s="2" t="s">
        <v>50</v>
      </c>
      <c r="L105" s="2" t="s">
        <v>51</v>
      </c>
    </row>
    <row r="106" spans="1:12" ht="15.2" customHeight="1">
      <c r="A106" s="2" t="s">
        <v>335</v>
      </c>
      <c r="B106" s="2" t="s">
        <v>23</v>
      </c>
      <c r="C106" s="2" t="s">
        <v>336</v>
      </c>
      <c r="D106" s="2" t="s">
        <v>337</v>
      </c>
      <c r="E106" s="2" t="s">
        <v>112</v>
      </c>
      <c r="F106" s="2" t="s">
        <v>338</v>
      </c>
      <c r="G106" s="3">
        <v>1</v>
      </c>
      <c r="H106" s="2" t="s">
        <v>19</v>
      </c>
      <c r="I106" s="3">
        <v>2019</v>
      </c>
      <c r="J106" s="2" t="s">
        <v>87</v>
      </c>
      <c r="K106" s="2" t="s">
        <v>114</v>
      </c>
      <c r="L106" s="2" t="s">
        <v>339</v>
      </c>
    </row>
    <row r="107" spans="1:12" ht="15.2" customHeight="1">
      <c r="A107" s="2" t="s">
        <v>335</v>
      </c>
      <c r="B107" s="2" t="s">
        <v>32</v>
      </c>
      <c r="C107" s="2" t="s">
        <v>340</v>
      </c>
      <c r="D107" s="2" t="s">
        <v>341</v>
      </c>
      <c r="E107" s="2" t="s">
        <v>196</v>
      </c>
      <c r="F107" s="2" t="s">
        <v>342</v>
      </c>
      <c r="G107" s="3">
        <v>8</v>
      </c>
      <c r="H107" s="2" t="s">
        <v>86</v>
      </c>
      <c r="I107" s="3">
        <v>2017</v>
      </c>
      <c r="J107" s="2" t="s">
        <v>20</v>
      </c>
      <c r="K107" s="2" t="s">
        <v>198</v>
      </c>
      <c r="L107" s="2" t="s">
        <v>343</v>
      </c>
    </row>
    <row r="108" spans="1:12" ht="15.2" customHeight="1">
      <c r="A108" s="2" t="s">
        <v>335</v>
      </c>
      <c r="B108" s="2" t="s">
        <v>200</v>
      </c>
      <c r="C108" s="2" t="s">
        <v>344</v>
      </c>
      <c r="D108" s="2" t="s">
        <v>345</v>
      </c>
      <c r="E108" s="2" t="s">
        <v>203</v>
      </c>
      <c r="F108" s="2" t="s">
        <v>346</v>
      </c>
      <c r="G108" s="3">
        <v>16</v>
      </c>
      <c r="H108" s="2" t="s">
        <v>205</v>
      </c>
      <c r="I108" s="3">
        <v>2015</v>
      </c>
      <c r="J108" s="2" t="s">
        <v>20</v>
      </c>
      <c r="K108" s="2" t="s">
        <v>206</v>
      </c>
      <c r="L108" s="2" t="s">
        <v>347</v>
      </c>
    </row>
    <row r="109" spans="1:12" ht="15.2" customHeight="1">
      <c r="A109" s="2" t="s">
        <v>335</v>
      </c>
      <c r="B109" s="2" t="s">
        <v>44</v>
      </c>
      <c r="C109" s="2" t="s">
        <v>348</v>
      </c>
      <c r="D109" s="2" t="s">
        <v>349</v>
      </c>
      <c r="E109" s="2" t="s">
        <v>34</v>
      </c>
      <c r="F109" s="2" t="s">
        <v>350</v>
      </c>
      <c r="G109" s="3">
        <v>5</v>
      </c>
      <c r="H109" s="2" t="s">
        <v>28</v>
      </c>
      <c r="I109" s="3">
        <v>2018</v>
      </c>
      <c r="J109" s="2" t="s">
        <v>20</v>
      </c>
      <c r="K109" s="2" t="s">
        <v>36</v>
      </c>
      <c r="L109" s="2" t="s">
        <v>351</v>
      </c>
    </row>
    <row r="110" spans="1:12" ht="15.2" customHeight="1">
      <c r="A110" s="2" t="s">
        <v>335</v>
      </c>
      <c r="B110" s="2" t="s">
        <v>52</v>
      </c>
      <c r="C110" s="2" t="s">
        <v>352</v>
      </c>
      <c r="D110" s="2" t="s">
        <v>353</v>
      </c>
      <c r="E110" s="2" t="s">
        <v>354</v>
      </c>
      <c r="F110" s="2" t="s">
        <v>353</v>
      </c>
      <c r="G110" s="3">
        <v>6</v>
      </c>
      <c r="H110" s="2" t="s">
        <v>28</v>
      </c>
      <c r="I110" s="3">
        <v>2017</v>
      </c>
      <c r="J110" s="2" t="s">
        <v>20</v>
      </c>
      <c r="K110" s="2" t="s">
        <v>71</v>
      </c>
      <c r="L110" s="2" t="s">
        <v>355</v>
      </c>
    </row>
    <row r="111" spans="1:12" ht="15.2" customHeight="1">
      <c r="A111" s="2" t="s">
        <v>335</v>
      </c>
      <c r="B111" s="2" t="s">
        <v>58</v>
      </c>
      <c r="C111" s="2" t="s">
        <v>276</v>
      </c>
      <c r="D111" s="2" t="s">
        <v>277</v>
      </c>
      <c r="E111" s="2" t="s">
        <v>34</v>
      </c>
      <c r="F111" s="2" t="s">
        <v>278</v>
      </c>
      <c r="G111" s="3">
        <v>4</v>
      </c>
      <c r="H111" s="2" t="s">
        <v>28</v>
      </c>
      <c r="I111" s="3">
        <v>2018</v>
      </c>
      <c r="J111" s="2" t="s">
        <v>20</v>
      </c>
      <c r="K111" s="2" t="s">
        <v>36</v>
      </c>
      <c r="L111" s="2" t="s">
        <v>279</v>
      </c>
    </row>
    <row r="112" spans="1:12" ht="15.2" customHeight="1">
      <c r="A112" s="2" t="s">
        <v>335</v>
      </c>
      <c r="B112" s="2" t="s">
        <v>65</v>
      </c>
      <c r="C112" s="2" t="s">
        <v>348</v>
      </c>
      <c r="D112" s="2" t="s">
        <v>349</v>
      </c>
      <c r="E112" s="2" t="s">
        <v>34</v>
      </c>
      <c r="F112" s="2" t="s">
        <v>350</v>
      </c>
      <c r="G112" s="3">
        <v>5</v>
      </c>
      <c r="H112" s="2" t="s">
        <v>28</v>
      </c>
      <c r="I112" s="3">
        <v>2018</v>
      </c>
      <c r="J112" s="2" t="s">
        <v>20</v>
      </c>
      <c r="K112" s="2" t="s">
        <v>36</v>
      </c>
      <c r="L112" s="2" t="s">
        <v>351</v>
      </c>
    </row>
    <row r="113" spans="1:12" ht="15.2" customHeight="1">
      <c r="A113" s="2" t="s">
        <v>335</v>
      </c>
      <c r="B113" s="2" t="s">
        <v>157</v>
      </c>
      <c r="C113" s="2" t="s">
        <v>356</v>
      </c>
      <c r="D113" s="2" t="s">
        <v>357</v>
      </c>
      <c r="E113" s="2" t="s">
        <v>34</v>
      </c>
      <c r="F113" s="2" t="s">
        <v>358</v>
      </c>
      <c r="G113" s="3">
        <v>6</v>
      </c>
      <c r="H113" s="2" t="s">
        <v>28</v>
      </c>
      <c r="I113" s="3">
        <v>2018</v>
      </c>
      <c r="J113" s="2" t="s">
        <v>20</v>
      </c>
      <c r="K113" s="2" t="s">
        <v>36</v>
      </c>
      <c r="L113" s="2" t="s">
        <v>359</v>
      </c>
    </row>
    <row r="114" spans="1:12" ht="15.2" customHeight="1">
      <c r="A114" s="2" t="s">
        <v>335</v>
      </c>
      <c r="B114" s="2" t="s">
        <v>306</v>
      </c>
      <c r="C114" s="2" t="s">
        <v>360</v>
      </c>
      <c r="D114" s="2" t="s">
        <v>361</v>
      </c>
      <c r="E114" s="2" t="s">
        <v>354</v>
      </c>
      <c r="F114" s="2" t="s">
        <v>361</v>
      </c>
      <c r="G114" s="3">
        <v>8</v>
      </c>
      <c r="H114" s="2" t="s">
        <v>49</v>
      </c>
      <c r="I114" s="3">
        <v>2017</v>
      </c>
      <c r="J114" s="2" t="s">
        <v>20</v>
      </c>
      <c r="K114" s="2" t="s">
        <v>71</v>
      </c>
      <c r="L114" s="2" t="s">
        <v>362</v>
      </c>
    </row>
    <row r="115" spans="1:12" ht="15.2" customHeight="1">
      <c r="A115" s="2" t="s">
        <v>335</v>
      </c>
      <c r="B115" s="2" t="s">
        <v>233</v>
      </c>
      <c r="C115" s="2" t="s">
        <v>363</v>
      </c>
      <c r="D115" s="2" t="s">
        <v>364</v>
      </c>
      <c r="E115" s="2" t="s">
        <v>190</v>
      </c>
      <c r="F115" s="2" t="s">
        <v>365</v>
      </c>
      <c r="G115" s="3">
        <v>1</v>
      </c>
      <c r="H115" s="2" t="s">
        <v>28</v>
      </c>
      <c r="I115" s="3">
        <v>2011</v>
      </c>
      <c r="J115" s="2" t="s">
        <v>20</v>
      </c>
      <c r="K115" s="2" t="s">
        <v>192</v>
      </c>
      <c r="L115" s="2" t="s">
        <v>366</v>
      </c>
    </row>
    <row r="116" spans="1:12" ht="15.2" customHeight="1">
      <c r="A116" s="2" t="s">
        <v>335</v>
      </c>
      <c r="B116" s="2" t="s">
        <v>95</v>
      </c>
      <c r="C116" s="2" t="s">
        <v>367</v>
      </c>
      <c r="D116" s="2" t="s">
        <v>368</v>
      </c>
      <c r="E116" s="2" t="s">
        <v>146</v>
      </c>
      <c r="F116" s="2" t="s">
        <v>369</v>
      </c>
      <c r="G116" s="3">
        <v>1</v>
      </c>
      <c r="H116" s="2" t="s">
        <v>28</v>
      </c>
      <c r="I116" s="3">
        <v>2014</v>
      </c>
      <c r="J116" s="2" t="s">
        <v>29</v>
      </c>
      <c r="K116" s="2" t="s">
        <v>370</v>
      </c>
      <c r="L116" s="2" t="s">
        <v>371</v>
      </c>
    </row>
    <row r="117" spans="1:12" ht="15.2" customHeight="1">
      <c r="A117" s="2" t="s">
        <v>335</v>
      </c>
      <c r="B117" s="2" t="s">
        <v>240</v>
      </c>
      <c r="C117" s="2" t="s">
        <v>372</v>
      </c>
      <c r="D117" s="2" t="s">
        <v>373</v>
      </c>
      <c r="E117" s="2" t="s">
        <v>374</v>
      </c>
      <c r="F117" s="2" t="s">
        <v>374</v>
      </c>
      <c r="G117" s="3">
        <v>1</v>
      </c>
      <c r="H117" s="2" t="s">
        <v>28</v>
      </c>
      <c r="I117" s="3">
        <v>2016</v>
      </c>
      <c r="J117" s="2" t="s">
        <v>29</v>
      </c>
      <c r="K117" s="2" t="s">
        <v>375</v>
      </c>
      <c r="L117" s="2" t="s">
        <v>376</v>
      </c>
    </row>
    <row r="118" spans="1:12" ht="15.2" customHeight="1">
      <c r="A118" s="2" t="s">
        <v>335</v>
      </c>
      <c r="B118" s="2" t="s">
        <v>251</v>
      </c>
      <c r="C118" s="2" t="s">
        <v>377</v>
      </c>
      <c r="D118" s="2" t="s">
        <v>378</v>
      </c>
      <c r="E118" s="2" t="s">
        <v>379</v>
      </c>
      <c r="F118" s="2" t="s">
        <v>380</v>
      </c>
      <c r="G118" s="3">
        <v>1</v>
      </c>
      <c r="H118" s="2" t="s">
        <v>28</v>
      </c>
      <c r="I118" s="3">
        <v>2017</v>
      </c>
      <c r="J118" s="2" t="s">
        <v>87</v>
      </c>
      <c r="K118" s="2" t="s">
        <v>381</v>
      </c>
      <c r="L118" s="2" t="s">
        <v>382</v>
      </c>
    </row>
    <row r="119" spans="1:12" ht="15.2" customHeight="1">
      <c r="A119" s="2" t="s">
        <v>335</v>
      </c>
      <c r="B119" s="2" t="s">
        <v>109</v>
      </c>
      <c r="C119" s="2"/>
      <c r="D119" s="2" t="s">
        <v>519</v>
      </c>
      <c r="E119" s="2" t="s">
        <v>519</v>
      </c>
      <c r="F119" s="2" t="s">
        <v>521</v>
      </c>
      <c r="G119" s="3">
        <v>1</v>
      </c>
      <c r="H119" s="2" t="s">
        <v>19</v>
      </c>
      <c r="I119" s="3">
        <v>2020</v>
      </c>
      <c r="J119" s="2" t="s">
        <v>20</v>
      </c>
      <c r="K119" s="2" t="s">
        <v>127</v>
      </c>
      <c r="L119" s="2" t="s">
        <v>517</v>
      </c>
    </row>
    <row r="120" spans="1:12" ht="15.2" customHeight="1">
      <c r="A120" s="2" t="s">
        <v>335</v>
      </c>
      <c r="B120" s="2" t="s">
        <v>383</v>
      </c>
      <c r="C120" s="2" t="s">
        <v>384</v>
      </c>
      <c r="D120" s="2" t="s">
        <v>385</v>
      </c>
      <c r="E120" s="2" t="s">
        <v>131</v>
      </c>
      <c r="F120" s="2" t="s">
        <v>386</v>
      </c>
      <c r="G120" s="3">
        <v>5</v>
      </c>
      <c r="H120" s="2" t="s">
        <v>28</v>
      </c>
      <c r="I120" s="3">
        <v>2017</v>
      </c>
      <c r="J120" s="2" t="s">
        <v>20</v>
      </c>
      <c r="K120" s="2" t="s">
        <v>133</v>
      </c>
      <c r="L120" s="2" t="s">
        <v>387</v>
      </c>
    </row>
    <row r="121" spans="1:12" ht="15.2" customHeight="1">
      <c r="A121" s="2" t="s">
        <v>335</v>
      </c>
      <c r="B121" s="2" t="s">
        <v>388</v>
      </c>
      <c r="C121" s="2" t="s">
        <v>327</v>
      </c>
      <c r="D121" s="2" t="s">
        <v>328</v>
      </c>
      <c r="E121" s="2" t="s">
        <v>203</v>
      </c>
      <c r="F121" s="2" t="s">
        <v>329</v>
      </c>
      <c r="G121" s="3">
        <v>2</v>
      </c>
      <c r="H121" s="2" t="s">
        <v>205</v>
      </c>
      <c r="I121" s="3">
        <v>2016</v>
      </c>
      <c r="J121" s="2" t="s">
        <v>20</v>
      </c>
      <c r="K121" s="2" t="s">
        <v>330</v>
      </c>
      <c r="L121" s="2" t="s">
        <v>331</v>
      </c>
    </row>
    <row r="122" spans="1:12" ht="15.2" customHeight="1">
      <c r="A122" s="2" t="s">
        <v>335</v>
      </c>
      <c r="B122" s="2" t="s">
        <v>123</v>
      </c>
      <c r="C122" s="2"/>
      <c r="D122" s="2" t="s">
        <v>126</v>
      </c>
      <c r="E122" s="2" t="s">
        <v>126</v>
      </c>
      <c r="F122" s="2" t="s">
        <v>518</v>
      </c>
      <c r="G122" s="3">
        <v>1</v>
      </c>
      <c r="H122" s="2" t="s">
        <v>19</v>
      </c>
      <c r="I122" s="3">
        <v>2020</v>
      </c>
      <c r="J122" s="2" t="s">
        <v>20</v>
      </c>
      <c r="K122" s="2" t="s">
        <v>127</v>
      </c>
      <c r="L122" s="2"/>
    </row>
    <row r="123" spans="1:12" ht="15.2" customHeight="1">
      <c r="A123" s="2" t="s">
        <v>335</v>
      </c>
      <c r="B123" s="2" t="s">
        <v>124</v>
      </c>
      <c r="C123" s="2" t="s">
        <v>384</v>
      </c>
      <c r="D123" s="2" t="s">
        <v>385</v>
      </c>
      <c r="E123" s="2" t="s">
        <v>131</v>
      </c>
      <c r="F123" s="2" t="s">
        <v>386</v>
      </c>
      <c r="G123" s="3">
        <v>5</v>
      </c>
      <c r="H123" s="2" t="s">
        <v>28</v>
      </c>
      <c r="I123" s="3">
        <v>2017</v>
      </c>
      <c r="J123" s="2" t="s">
        <v>20</v>
      </c>
      <c r="K123" s="2" t="s">
        <v>133</v>
      </c>
      <c r="L123" s="2" t="s">
        <v>387</v>
      </c>
    </row>
    <row r="124" spans="1:12" ht="15.2" customHeight="1">
      <c r="A124" s="2" t="s">
        <v>335</v>
      </c>
      <c r="B124" s="2" t="s">
        <v>125</v>
      </c>
      <c r="C124" s="2" t="s">
        <v>377</v>
      </c>
      <c r="D124" s="2" t="s">
        <v>378</v>
      </c>
      <c r="E124" s="2" t="s">
        <v>379</v>
      </c>
      <c r="F124" s="2" t="s">
        <v>380</v>
      </c>
      <c r="G124" s="3">
        <v>1</v>
      </c>
      <c r="H124" s="2" t="s">
        <v>28</v>
      </c>
      <c r="I124" s="3">
        <v>2017</v>
      </c>
      <c r="J124" s="2" t="s">
        <v>87</v>
      </c>
      <c r="K124" s="2" t="s">
        <v>381</v>
      </c>
      <c r="L124" s="2" t="s">
        <v>382</v>
      </c>
    </row>
    <row r="125" spans="1:12" ht="15.2" customHeight="1">
      <c r="A125" s="2" t="s">
        <v>335</v>
      </c>
      <c r="B125" s="2" t="s">
        <v>128</v>
      </c>
      <c r="C125" s="2" t="s">
        <v>372</v>
      </c>
      <c r="D125" s="2" t="s">
        <v>373</v>
      </c>
      <c r="E125" s="2" t="s">
        <v>374</v>
      </c>
      <c r="F125" s="2" t="s">
        <v>374</v>
      </c>
      <c r="G125" s="3">
        <v>1</v>
      </c>
      <c r="H125" s="2" t="s">
        <v>28</v>
      </c>
      <c r="I125" s="3">
        <v>2016</v>
      </c>
      <c r="J125" s="2" t="s">
        <v>29</v>
      </c>
      <c r="K125" s="2" t="s">
        <v>375</v>
      </c>
      <c r="L125" s="2" t="s">
        <v>376</v>
      </c>
    </row>
    <row r="126" spans="1:12" ht="15.2" customHeight="1">
      <c r="A126" s="2" t="s">
        <v>335</v>
      </c>
      <c r="B126" s="2" t="s">
        <v>261</v>
      </c>
      <c r="C126" s="2" t="s">
        <v>348</v>
      </c>
      <c r="D126" s="2" t="s">
        <v>349</v>
      </c>
      <c r="E126" s="2" t="s">
        <v>34</v>
      </c>
      <c r="F126" s="2" t="s">
        <v>350</v>
      </c>
      <c r="G126" s="3">
        <v>5</v>
      </c>
      <c r="H126" s="2" t="s">
        <v>28</v>
      </c>
      <c r="I126" s="3">
        <v>2018</v>
      </c>
      <c r="J126" s="2" t="s">
        <v>20</v>
      </c>
      <c r="K126" s="2" t="s">
        <v>36</v>
      </c>
      <c r="L126" s="2" t="s">
        <v>351</v>
      </c>
    </row>
    <row r="127" spans="1:12" ht="15.2" customHeight="1">
      <c r="A127" s="2" t="s">
        <v>335</v>
      </c>
      <c r="B127" s="2" t="s">
        <v>262</v>
      </c>
      <c r="C127" s="2" t="s">
        <v>352</v>
      </c>
      <c r="D127" s="2" t="s">
        <v>353</v>
      </c>
      <c r="E127" s="2" t="s">
        <v>354</v>
      </c>
      <c r="F127" s="2" t="s">
        <v>353</v>
      </c>
      <c r="G127" s="3">
        <v>6</v>
      </c>
      <c r="H127" s="2" t="s">
        <v>28</v>
      </c>
      <c r="I127" s="3">
        <v>2017</v>
      </c>
      <c r="J127" s="2" t="s">
        <v>20</v>
      </c>
      <c r="K127" s="2" t="s">
        <v>71</v>
      </c>
      <c r="L127" s="2" t="s">
        <v>355</v>
      </c>
    </row>
    <row r="128" spans="1:12" ht="15.2" customHeight="1">
      <c r="A128" s="2" t="s">
        <v>389</v>
      </c>
      <c r="B128" s="2" t="s">
        <v>14</v>
      </c>
      <c r="C128" s="2" t="s">
        <v>53</v>
      </c>
      <c r="D128" s="2" t="s">
        <v>54</v>
      </c>
      <c r="E128" s="2" t="s">
        <v>55</v>
      </c>
      <c r="F128" s="2" t="s">
        <v>54</v>
      </c>
      <c r="G128" s="3">
        <v>1</v>
      </c>
      <c r="H128" s="2" t="s">
        <v>28</v>
      </c>
      <c r="I128" s="3">
        <v>2019</v>
      </c>
      <c r="J128" s="2" t="s">
        <v>20</v>
      </c>
      <c r="K128" s="2" t="s">
        <v>56</v>
      </c>
      <c r="L128" s="2" t="s">
        <v>57</v>
      </c>
    </row>
    <row r="129" spans="1:12" ht="15.2" customHeight="1">
      <c r="A129" s="2" t="s">
        <v>389</v>
      </c>
      <c r="B129" s="2" t="s">
        <v>23</v>
      </c>
      <c r="C129" s="2" t="s">
        <v>390</v>
      </c>
      <c r="D129" s="2" t="s">
        <v>391</v>
      </c>
      <c r="E129" s="2" t="s">
        <v>112</v>
      </c>
      <c r="F129" s="2" t="s">
        <v>392</v>
      </c>
      <c r="G129" s="3">
        <v>2</v>
      </c>
      <c r="H129" s="2" t="s">
        <v>19</v>
      </c>
      <c r="I129" s="3">
        <v>2019</v>
      </c>
      <c r="J129" s="2" t="s">
        <v>87</v>
      </c>
      <c r="K129" s="2" t="s">
        <v>114</v>
      </c>
      <c r="L129" s="2" t="s">
        <v>393</v>
      </c>
    </row>
    <row r="130" spans="1:12" ht="15.2" customHeight="1">
      <c r="A130" s="2" t="s">
        <v>389</v>
      </c>
      <c r="B130" s="2" t="s">
        <v>32</v>
      </c>
      <c r="C130" s="2" t="s">
        <v>394</v>
      </c>
      <c r="D130" s="2" t="s">
        <v>395</v>
      </c>
      <c r="E130" s="2" t="s">
        <v>196</v>
      </c>
      <c r="F130" s="2" t="s">
        <v>396</v>
      </c>
      <c r="G130" s="3">
        <v>9</v>
      </c>
      <c r="H130" s="2" t="s">
        <v>86</v>
      </c>
      <c r="I130" s="3">
        <v>2017</v>
      </c>
      <c r="J130" s="2" t="s">
        <v>20</v>
      </c>
      <c r="K130" s="2" t="s">
        <v>198</v>
      </c>
      <c r="L130" s="2" t="s">
        <v>397</v>
      </c>
    </row>
    <row r="131" spans="1:12" ht="15.2" customHeight="1">
      <c r="A131" s="2" t="s">
        <v>389</v>
      </c>
      <c r="B131" s="2" t="s">
        <v>200</v>
      </c>
      <c r="C131" s="2" t="s">
        <v>398</v>
      </c>
      <c r="D131" s="2" t="s">
        <v>399</v>
      </c>
      <c r="E131" s="2" t="s">
        <v>203</v>
      </c>
      <c r="F131" s="2" t="s">
        <v>400</v>
      </c>
      <c r="G131" s="3">
        <v>17</v>
      </c>
      <c r="H131" s="2" t="s">
        <v>205</v>
      </c>
      <c r="I131" s="3">
        <v>2015</v>
      </c>
      <c r="J131" s="2" t="s">
        <v>20</v>
      </c>
      <c r="K131" s="2" t="s">
        <v>206</v>
      </c>
      <c r="L131" s="2" t="s">
        <v>401</v>
      </c>
    </row>
    <row r="132" spans="1:12" ht="15.2" customHeight="1">
      <c r="A132" s="2" t="s">
        <v>389</v>
      </c>
      <c r="B132" s="2" t="s">
        <v>44</v>
      </c>
      <c r="C132" s="2" t="s">
        <v>356</v>
      </c>
      <c r="D132" s="2" t="s">
        <v>357</v>
      </c>
      <c r="E132" s="2" t="s">
        <v>34</v>
      </c>
      <c r="F132" s="2" t="s">
        <v>358</v>
      </c>
      <c r="G132" s="3">
        <v>6</v>
      </c>
      <c r="H132" s="2" t="s">
        <v>28</v>
      </c>
      <c r="I132" s="3">
        <v>2018</v>
      </c>
      <c r="J132" s="2" t="s">
        <v>20</v>
      </c>
      <c r="K132" s="2" t="s">
        <v>36</v>
      </c>
      <c r="L132" s="2" t="s">
        <v>359</v>
      </c>
    </row>
    <row r="133" spans="1:12" ht="15.2" customHeight="1">
      <c r="A133" s="2" t="s">
        <v>389</v>
      </c>
      <c r="B133" s="2" t="s">
        <v>52</v>
      </c>
      <c r="C133" s="2" t="s">
        <v>402</v>
      </c>
      <c r="D133" s="2" t="s">
        <v>403</v>
      </c>
      <c r="E133" s="2" t="s">
        <v>34</v>
      </c>
      <c r="F133" s="2" t="s">
        <v>404</v>
      </c>
      <c r="G133" s="3">
        <v>1</v>
      </c>
      <c r="H133" s="2" t="s">
        <v>28</v>
      </c>
      <c r="I133" s="3">
        <v>2018</v>
      </c>
      <c r="J133" s="2" t="s">
        <v>20</v>
      </c>
      <c r="K133" s="2" t="s">
        <v>36</v>
      </c>
      <c r="L133" s="2" t="s">
        <v>405</v>
      </c>
    </row>
    <row r="134" spans="1:12" ht="15.2" customHeight="1">
      <c r="A134" s="2" t="s">
        <v>389</v>
      </c>
      <c r="B134" s="2" t="s">
        <v>58</v>
      </c>
      <c r="C134" s="2" t="s">
        <v>406</v>
      </c>
      <c r="D134" s="2" t="s">
        <v>407</v>
      </c>
      <c r="E134" s="2" t="s">
        <v>17</v>
      </c>
      <c r="F134" s="2" t="s">
        <v>408</v>
      </c>
      <c r="G134" s="3">
        <v>1</v>
      </c>
      <c r="H134" s="2" t="s">
        <v>28</v>
      </c>
      <c r="I134" s="3">
        <v>2019</v>
      </c>
      <c r="J134" s="2" t="s">
        <v>20</v>
      </c>
      <c r="K134" s="2" t="s">
        <v>21</v>
      </c>
      <c r="L134" s="2" t="s">
        <v>409</v>
      </c>
    </row>
    <row r="135" spans="1:12" ht="15.2" customHeight="1">
      <c r="A135" s="2" t="s">
        <v>389</v>
      </c>
      <c r="B135" s="2" t="s">
        <v>65</v>
      </c>
      <c r="C135" s="2" t="s">
        <v>410</v>
      </c>
      <c r="D135" s="2" t="s">
        <v>411</v>
      </c>
      <c r="E135" s="2" t="s">
        <v>17</v>
      </c>
      <c r="F135" s="2" t="s">
        <v>412</v>
      </c>
      <c r="G135" s="3">
        <v>2</v>
      </c>
      <c r="H135" s="2" t="s">
        <v>28</v>
      </c>
      <c r="I135" s="3">
        <v>2019</v>
      </c>
      <c r="J135" s="2" t="s">
        <v>20</v>
      </c>
      <c r="K135" s="2" t="s">
        <v>21</v>
      </c>
      <c r="L135" s="2" t="s">
        <v>413</v>
      </c>
    </row>
    <row r="136" spans="1:12" ht="15.2" customHeight="1">
      <c r="A136" s="2" t="s">
        <v>389</v>
      </c>
      <c r="B136" s="2" t="s">
        <v>157</v>
      </c>
      <c r="C136" s="2" t="s">
        <v>414</v>
      </c>
      <c r="D136" s="2" t="s">
        <v>415</v>
      </c>
      <c r="E136" s="2" t="s">
        <v>416</v>
      </c>
      <c r="F136" s="2" t="s">
        <v>416</v>
      </c>
      <c r="G136" s="3">
        <v>1</v>
      </c>
      <c r="H136" s="2" t="s">
        <v>28</v>
      </c>
      <c r="I136" s="3">
        <v>2017</v>
      </c>
      <c r="J136" s="2" t="s">
        <v>29</v>
      </c>
      <c r="K136" s="2" t="s">
        <v>417</v>
      </c>
      <c r="L136" s="2" t="s">
        <v>418</v>
      </c>
    </row>
    <row r="137" spans="1:12" ht="15.2" customHeight="1">
      <c r="A137" s="2" t="s">
        <v>389</v>
      </c>
      <c r="B137" s="2" t="s">
        <v>306</v>
      </c>
      <c r="C137" s="2" t="s">
        <v>419</v>
      </c>
      <c r="D137" s="2" t="s">
        <v>420</v>
      </c>
      <c r="E137" s="2" t="s">
        <v>421</v>
      </c>
      <c r="F137" s="2" t="s">
        <v>422</v>
      </c>
      <c r="G137" s="3">
        <v>1</v>
      </c>
      <c r="H137" s="2" t="s">
        <v>28</v>
      </c>
      <c r="I137" s="3">
        <v>2016</v>
      </c>
      <c r="J137" s="2" t="s">
        <v>29</v>
      </c>
      <c r="K137" s="2" t="s">
        <v>423</v>
      </c>
      <c r="L137" s="2" t="s">
        <v>424</v>
      </c>
    </row>
    <row r="138" spans="1:12" ht="15.2" customHeight="1">
      <c r="A138" s="2" t="s">
        <v>389</v>
      </c>
      <c r="B138" s="2" t="s">
        <v>233</v>
      </c>
      <c r="C138" s="2" t="s">
        <v>425</v>
      </c>
      <c r="D138" s="2" t="s">
        <v>426</v>
      </c>
      <c r="E138" s="2" t="s">
        <v>427</v>
      </c>
      <c r="F138" s="2" t="s">
        <v>427</v>
      </c>
      <c r="G138" s="3">
        <v>1</v>
      </c>
      <c r="H138" s="2" t="s">
        <v>28</v>
      </c>
      <c r="I138" s="3">
        <v>2011</v>
      </c>
      <c r="J138" s="2" t="s">
        <v>29</v>
      </c>
      <c r="K138" s="2" t="s">
        <v>238</v>
      </c>
      <c r="L138" s="2" t="s">
        <v>428</v>
      </c>
    </row>
    <row r="139" spans="1:12" ht="15.2" customHeight="1">
      <c r="A139" s="2" t="s">
        <v>389</v>
      </c>
      <c r="B139" s="2" t="s">
        <v>95</v>
      </c>
      <c r="C139" s="2" t="s">
        <v>104</v>
      </c>
      <c r="D139" s="2" t="s">
        <v>105</v>
      </c>
      <c r="E139" s="2" t="s">
        <v>106</v>
      </c>
      <c r="F139" s="2" t="s">
        <v>106</v>
      </c>
      <c r="G139" s="3">
        <v>1</v>
      </c>
      <c r="H139" s="2" t="s">
        <v>28</v>
      </c>
      <c r="I139" s="3">
        <v>2017</v>
      </c>
      <c r="J139" s="2" t="s">
        <v>29</v>
      </c>
      <c r="K139" s="2" t="s">
        <v>107</v>
      </c>
      <c r="L139" s="2" t="s">
        <v>108</v>
      </c>
    </row>
    <row r="140" spans="1:12" ht="15.2" customHeight="1">
      <c r="A140" s="2" t="s">
        <v>389</v>
      </c>
      <c r="B140" s="2" t="s">
        <v>240</v>
      </c>
      <c r="C140" s="2" t="s">
        <v>429</v>
      </c>
      <c r="D140" s="2" t="s">
        <v>430</v>
      </c>
      <c r="E140" s="2" t="s">
        <v>431</v>
      </c>
      <c r="F140" s="2" t="s">
        <v>432</v>
      </c>
      <c r="G140" s="3">
        <v>1</v>
      </c>
      <c r="H140" s="2" t="s">
        <v>28</v>
      </c>
      <c r="I140" s="3">
        <v>2016</v>
      </c>
      <c r="J140" s="2" t="s">
        <v>29</v>
      </c>
      <c r="K140" s="2" t="s">
        <v>433</v>
      </c>
      <c r="L140" s="2" t="s">
        <v>434</v>
      </c>
    </row>
    <row r="141" spans="1:12" ht="15.2" customHeight="1">
      <c r="A141" s="2" t="s">
        <v>389</v>
      </c>
      <c r="B141" s="2" t="s">
        <v>251</v>
      </c>
      <c r="C141" s="2" t="s">
        <v>435</v>
      </c>
      <c r="D141" s="2" t="s">
        <v>436</v>
      </c>
      <c r="E141" s="2" t="s">
        <v>84</v>
      </c>
      <c r="F141" s="2" t="s">
        <v>437</v>
      </c>
      <c r="G141" s="3">
        <v>1</v>
      </c>
      <c r="H141" s="2" t="s">
        <v>86</v>
      </c>
      <c r="I141" s="3">
        <v>2016</v>
      </c>
      <c r="J141" s="2" t="s">
        <v>87</v>
      </c>
      <c r="K141" s="2" t="s">
        <v>438</v>
      </c>
      <c r="L141" s="2" t="s">
        <v>439</v>
      </c>
    </row>
    <row r="142" spans="1:12" ht="15.2" customHeight="1">
      <c r="A142" s="2" t="s">
        <v>389</v>
      </c>
      <c r="B142" s="2" t="s">
        <v>440</v>
      </c>
      <c r="C142" s="2" t="s">
        <v>441</v>
      </c>
      <c r="D142" s="2" t="s">
        <v>442</v>
      </c>
      <c r="E142" s="2" t="s">
        <v>84</v>
      </c>
      <c r="F142" s="2" t="s">
        <v>443</v>
      </c>
      <c r="G142" s="3">
        <v>2</v>
      </c>
      <c r="H142" s="2" t="s">
        <v>86</v>
      </c>
      <c r="I142" s="3">
        <v>2016</v>
      </c>
      <c r="J142" s="2" t="s">
        <v>87</v>
      </c>
      <c r="K142" s="2" t="s">
        <v>438</v>
      </c>
      <c r="L142" s="2" t="s">
        <v>444</v>
      </c>
    </row>
    <row r="143" spans="1:12" ht="15.2" customHeight="1">
      <c r="A143" s="2" t="s">
        <v>389</v>
      </c>
      <c r="B143" s="2" t="s">
        <v>109</v>
      </c>
      <c r="C143" s="2" t="s">
        <v>445</v>
      </c>
      <c r="D143" s="2" t="s">
        <v>446</v>
      </c>
      <c r="E143" s="2" t="s">
        <v>152</v>
      </c>
      <c r="F143" s="2" t="s">
        <v>447</v>
      </c>
      <c r="G143" s="3">
        <v>6</v>
      </c>
      <c r="H143" s="2" t="s">
        <v>28</v>
      </c>
      <c r="I143" s="3">
        <v>2016</v>
      </c>
      <c r="J143" s="2" t="s">
        <v>154</v>
      </c>
      <c r="K143" s="2" t="s">
        <v>155</v>
      </c>
      <c r="L143" s="2" t="s">
        <v>448</v>
      </c>
    </row>
    <row r="144" spans="1:12" ht="15.2" customHeight="1">
      <c r="A144" s="2" t="s">
        <v>389</v>
      </c>
      <c r="B144" s="2" t="s">
        <v>383</v>
      </c>
      <c r="C144" s="2" t="s">
        <v>449</v>
      </c>
      <c r="D144" s="2" t="s">
        <v>450</v>
      </c>
      <c r="E144" s="2" t="s">
        <v>84</v>
      </c>
      <c r="F144" s="2" t="s">
        <v>451</v>
      </c>
      <c r="G144" s="3">
        <v>3</v>
      </c>
      <c r="H144" s="2" t="s">
        <v>86</v>
      </c>
      <c r="I144" s="3">
        <v>2014</v>
      </c>
      <c r="J144" s="2" t="s">
        <v>87</v>
      </c>
      <c r="K144" s="2" t="s">
        <v>88</v>
      </c>
      <c r="L144" s="2" t="s">
        <v>452</v>
      </c>
    </row>
    <row r="145" spans="1:12" ht="15.2" customHeight="1">
      <c r="A145" s="2" t="s">
        <v>389</v>
      </c>
      <c r="B145" s="2" t="s">
        <v>453</v>
      </c>
      <c r="C145" s="2" t="s">
        <v>454</v>
      </c>
      <c r="D145" s="2" t="s">
        <v>455</v>
      </c>
      <c r="E145" s="2" t="s">
        <v>84</v>
      </c>
      <c r="F145" s="2" t="s">
        <v>456</v>
      </c>
      <c r="G145" s="3">
        <v>4</v>
      </c>
      <c r="H145" s="2" t="s">
        <v>86</v>
      </c>
      <c r="I145" s="3">
        <v>2014</v>
      </c>
      <c r="J145" s="2" t="s">
        <v>87</v>
      </c>
      <c r="K145" s="2" t="s">
        <v>88</v>
      </c>
      <c r="L145" s="2" t="s">
        <v>457</v>
      </c>
    </row>
    <row r="146" spans="1:12" ht="15.2" customHeight="1">
      <c r="A146" s="2" t="s">
        <v>389</v>
      </c>
      <c r="B146" s="2" t="s">
        <v>458</v>
      </c>
      <c r="C146" s="2"/>
      <c r="D146" s="2" t="s">
        <v>252</v>
      </c>
      <c r="E146" s="2" t="s">
        <v>253</v>
      </c>
      <c r="F146" s="2" t="s">
        <v>254</v>
      </c>
      <c r="G146" s="3">
        <v>1</v>
      </c>
      <c r="H146" s="2" t="s">
        <v>28</v>
      </c>
      <c r="I146" s="3">
        <v>2019</v>
      </c>
      <c r="J146" s="2" t="s">
        <v>20</v>
      </c>
      <c r="K146" s="2" t="s">
        <v>255</v>
      </c>
      <c r="L146" s="2"/>
    </row>
    <row r="147" spans="1:12" ht="15.2" customHeight="1">
      <c r="A147" s="2" t="s">
        <v>389</v>
      </c>
      <c r="B147" s="2" t="s">
        <v>183</v>
      </c>
      <c r="C147" s="2" t="s">
        <v>256</v>
      </c>
      <c r="D147" s="2" t="s">
        <v>257</v>
      </c>
      <c r="E147" s="2" t="s">
        <v>253</v>
      </c>
      <c r="F147" s="2" t="s">
        <v>258</v>
      </c>
      <c r="G147" s="3">
        <v>1</v>
      </c>
      <c r="H147" s="2" t="s">
        <v>28</v>
      </c>
      <c r="I147" s="3">
        <v>2017</v>
      </c>
      <c r="J147" s="2" t="s">
        <v>20</v>
      </c>
      <c r="K147" s="2" t="s">
        <v>255</v>
      </c>
      <c r="L147" s="2" t="s">
        <v>259</v>
      </c>
    </row>
    <row r="148" spans="1:12" ht="15.2" customHeight="1">
      <c r="A148" s="2" t="s">
        <v>389</v>
      </c>
      <c r="B148" s="2" t="s">
        <v>123</v>
      </c>
      <c r="C148" s="2" t="s">
        <v>445</v>
      </c>
      <c r="D148" s="2" t="s">
        <v>446</v>
      </c>
      <c r="E148" s="2" t="s">
        <v>152</v>
      </c>
      <c r="F148" s="2" t="s">
        <v>447</v>
      </c>
      <c r="G148" s="3">
        <v>6</v>
      </c>
      <c r="H148" s="2" t="s">
        <v>28</v>
      </c>
      <c r="I148" s="3">
        <v>2016</v>
      </c>
      <c r="J148" s="2" t="s">
        <v>154</v>
      </c>
      <c r="K148" s="2" t="s">
        <v>155</v>
      </c>
      <c r="L148" s="2" t="s">
        <v>448</v>
      </c>
    </row>
    <row r="149" spans="1:12" ht="15.2" customHeight="1">
      <c r="A149" s="2" t="s">
        <v>389</v>
      </c>
      <c r="B149" s="2" t="s">
        <v>124</v>
      </c>
      <c r="C149" s="2" t="s">
        <v>449</v>
      </c>
      <c r="D149" s="2" t="s">
        <v>450</v>
      </c>
      <c r="E149" s="2" t="s">
        <v>84</v>
      </c>
      <c r="F149" s="2" t="s">
        <v>451</v>
      </c>
      <c r="G149" s="3">
        <v>3</v>
      </c>
      <c r="H149" s="2" t="s">
        <v>86</v>
      </c>
      <c r="I149" s="3">
        <v>2014</v>
      </c>
      <c r="J149" s="2" t="s">
        <v>87</v>
      </c>
      <c r="K149" s="2" t="s">
        <v>88</v>
      </c>
      <c r="L149" s="2" t="s">
        <v>452</v>
      </c>
    </row>
    <row r="150" spans="1:12" ht="15.2" customHeight="1">
      <c r="A150" s="2" t="s">
        <v>389</v>
      </c>
      <c r="B150" s="2" t="s">
        <v>459</v>
      </c>
      <c r="C150" s="2" t="s">
        <v>454</v>
      </c>
      <c r="D150" s="2" t="s">
        <v>455</v>
      </c>
      <c r="E150" s="2" t="s">
        <v>84</v>
      </c>
      <c r="F150" s="2" t="s">
        <v>456</v>
      </c>
      <c r="G150" s="3">
        <v>4</v>
      </c>
      <c r="H150" s="2" t="s">
        <v>86</v>
      </c>
      <c r="I150" s="3">
        <v>2014</v>
      </c>
      <c r="J150" s="2" t="s">
        <v>87</v>
      </c>
      <c r="K150" s="2" t="s">
        <v>88</v>
      </c>
      <c r="L150" s="2" t="s">
        <v>457</v>
      </c>
    </row>
    <row r="151" spans="1:12" ht="15.2" customHeight="1">
      <c r="A151" s="2" t="s">
        <v>389</v>
      </c>
      <c r="B151" s="2" t="s">
        <v>460</v>
      </c>
      <c r="C151" s="2" t="s">
        <v>435</v>
      </c>
      <c r="D151" s="2" t="s">
        <v>436</v>
      </c>
      <c r="E151" s="2" t="s">
        <v>84</v>
      </c>
      <c r="F151" s="2" t="s">
        <v>437</v>
      </c>
      <c r="G151" s="3">
        <v>1</v>
      </c>
      <c r="H151" s="2" t="s">
        <v>86</v>
      </c>
      <c r="I151" s="3">
        <v>2016</v>
      </c>
      <c r="J151" s="2" t="s">
        <v>87</v>
      </c>
      <c r="K151" s="2" t="s">
        <v>438</v>
      </c>
      <c r="L151" s="2" t="s">
        <v>439</v>
      </c>
    </row>
    <row r="152" spans="1:12" ht="15.2" customHeight="1">
      <c r="A152" s="2" t="s">
        <v>389</v>
      </c>
      <c r="B152" s="2" t="s">
        <v>461</v>
      </c>
      <c r="C152" s="2" t="s">
        <v>441</v>
      </c>
      <c r="D152" s="2" t="s">
        <v>442</v>
      </c>
      <c r="E152" s="2" t="s">
        <v>84</v>
      </c>
      <c r="F152" s="2" t="s">
        <v>443</v>
      </c>
      <c r="G152" s="3">
        <v>2</v>
      </c>
      <c r="H152" s="2" t="s">
        <v>86</v>
      </c>
      <c r="I152" s="3">
        <v>2016</v>
      </c>
      <c r="J152" s="2" t="s">
        <v>87</v>
      </c>
      <c r="K152" s="2" t="s">
        <v>438</v>
      </c>
      <c r="L152" s="2" t="s">
        <v>444</v>
      </c>
    </row>
    <row r="153" spans="1:12" ht="15.2" customHeight="1">
      <c r="A153" s="2" t="s">
        <v>389</v>
      </c>
      <c r="B153" s="2" t="s">
        <v>462</v>
      </c>
      <c r="C153" s="2" t="s">
        <v>429</v>
      </c>
      <c r="D153" s="2" t="s">
        <v>430</v>
      </c>
      <c r="E153" s="2" t="s">
        <v>431</v>
      </c>
      <c r="F153" s="2" t="s">
        <v>432</v>
      </c>
      <c r="G153" s="3">
        <v>1</v>
      </c>
      <c r="H153" s="2" t="s">
        <v>28</v>
      </c>
      <c r="I153" s="3">
        <v>2016</v>
      </c>
      <c r="J153" s="2" t="s">
        <v>29</v>
      </c>
      <c r="K153" s="2" t="s">
        <v>433</v>
      </c>
      <c r="L153" s="2" t="s">
        <v>434</v>
      </c>
    </row>
    <row r="154" spans="1:12" ht="15.2" customHeight="1">
      <c r="A154" s="2" t="s">
        <v>389</v>
      </c>
      <c r="B154" s="2" t="s">
        <v>261</v>
      </c>
      <c r="C154" s="2" t="s">
        <v>356</v>
      </c>
      <c r="D154" s="2" t="s">
        <v>357</v>
      </c>
      <c r="E154" s="2" t="s">
        <v>34</v>
      </c>
      <c r="F154" s="2" t="s">
        <v>358</v>
      </c>
      <c r="G154" s="3">
        <v>6</v>
      </c>
      <c r="H154" s="2" t="s">
        <v>28</v>
      </c>
      <c r="I154" s="3">
        <v>2018</v>
      </c>
      <c r="J154" s="2" t="s">
        <v>20</v>
      </c>
      <c r="K154" s="2" t="s">
        <v>36</v>
      </c>
      <c r="L154" s="2" t="s">
        <v>359</v>
      </c>
    </row>
    <row r="155" spans="1:12" ht="15.2" customHeight="1">
      <c r="A155" s="2" t="s">
        <v>389</v>
      </c>
      <c r="B155" s="2" t="s">
        <v>262</v>
      </c>
      <c r="C155" s="2" t="s">
        <v>402</v>
      </c>
      <c r="D155" s="2" t="s">
        <v>403</v>
      </c>
      <c r="E155" s="2" t="s">
        <v>34</v>
      </c>
      <c r="F155" s="2" t="s">
        <v>404</v>
      </c>
      <c r="G155" s="3">
        <v>1</v>
      </c>
      <c r="H155" s="2" t="s">
        <v>28</v>
      </c>
      <c r="I155" s="3">
        <v>2018</v>
      </c>
      <c r="J155" s="2" t="s">
        <v>20</v>
      </c>
      <c r="K155" s="2" t="s">
        <v>36</v>
      </c>
      <c r="L155" s="2" t="s">
        <v>405</v>
      </c>
    </row>
    <row r="156" spans="1:12" ht="15.2" customHeight="1">
      <c r="A156" s="2" t="s">
        <v>463</v>
      </c>
      <c r="B156" s="2" t="s">
        <v>14</v>
      </c>
      <c r="C156" s="2" t="s">
        <v>59</v>
      </c>
      <c r="D156" s="2" t="s">
        <v>60</v>
      </c>
      <c r="E156" s="2" t="s">
        <v>61</v>
      </c>
      <c r="F156" s="2" t="s">
        <v>62</v>
      </c>
      <c r="G156" s="3">
        <v>1</v>
      </c>
      <c r="H156" s="2" t="s">
        <v>19</v>
      </c>
      <c r="I156" s="3">
        <v>2010</v>
      </c>
      <c r="J156" s="2" t="s">
        <v>20</v>
      </c>
      <c r="K156" s="2" t="s">
        <v>63</v>
      </c>
      <c r="L156" s="2" t="s">
        <v>64</v>
      </c>
    </row>
    <row r="157" spans="1:12" ht="15.2" customHeight="1">
      <c r="A157" s="2" t="s">
        <v>463</v>
      </c>
      <c r="B157" s="2" t="s">
        <v>23</v>
      </c>
      <c r="C157" s="2" t="s">
        <v>110</v>
      </c>
      <c r="D157" s="2" t="s">
        <v>111</v>
      </c>
      <c r="E157" s="2" t="s">
        <v>112</v>
      </c>
      <c r="F157" s="2" t="s">
        <v>113</v>
      </c>
      <c r="G157" s="3">
        <v>3</v>
      </c>
      <c r="H157" s="2" t="s">
        <v>19</v>
      </c>
      <c r="I157" s="3">
        <v>2019</v>
      </c>
      <c r="J157" s="2" t="s">
        <v>87</v>
      </c>
      <c r="K157" s="2" t="s">
        <v>114</v>
      </c>
      <c r="L157" s="2" t="s">
        <v>115</v>
      </c>
    </row>
    <row r="158" spans="1:12" ht="15.2" customHeight="1">
      <c r="A158" s="2" t="s">
        <v>463</v>
      </c>
      <c r="B158" s="2" t="s">
        <v>32</v>
      </c>
      <c r="C158" s="2" t="s">
        <v>464</v>
      </c>
      <c r="D158" s="2" t="s">
        <v>465</v>
      </c>
      <c r="E158" s="2" t="s">
        <v>196</v>
      </c>
      <c r="F158" s="2" t="s">
        <v>466</v>
      </c>
      <c r="G158" s="3">
        <v>10</v>
      </c>
      <c r="H158" s="2" t="s">
        <v>86</v>
      </c>
      <c r="I158" s="3">
        <v>2017</v>
      </c>
      <c r="J158" s="2" t="s">
        <v>20</v>
      </c>
      <c r="K158" s="2" t="s">
        <v>198</v>
      </c>
      <c r="L158" s="2" t="s">
        <v>467</v>
      </c>
    </row>
    <row r="159" spans="1:12" ht="15.2" customHeight="1">
      <c r="A159" s="2" t="s">
        <v>463</v>
      </c>
      <c r="B159" s="2" t="s">
        <v>200</v>
      </c>
      <c r="C159" s="2" t="s">
        <v>468</v>
      </c>
      <c r="D159" s="2" t="s">
        <v>469</v>
      </c>
      <c r="E159" s="2" t="s">
        <v>203</v>
      </c>
      <c r="F159" s="2" t="s">
        <v>470</v>
      </c>
      <c r="G159" s="3">
        <v>18</v>
      </c>
      <c r="H159" s="2" t="s">
        <v>205</v>
      </c>
      <c r="I159" s="3">
        <v>2015</v>
      </c>
      <c r="J159" s="2" t="s">
        <v>20</v>
      </c>
      <c r="K159" s="2" t="s">
        <v>206</v>
      </c>
      <c r="L159" s="2" t="s">
        <v>471</v>
      </c>
    </row>
    <row r="160" spans="1:12" ht="15.2" customHeight="1">
      <c r="A160" s="2" t="s">
        <v>463</v>
      </c>
      <c r="B160" s="2" t="s">
        <v>44</v>
      </c>
      <c r="C160" s="2" t="s">
        <v>472</v>
      </c>
      <c r="D160" s="2" t="s">
        <v>473</v>
      </c>
      <c r="E160" s="2" t="s">
        <v>34</v>
      </c>
      <c r="F160" s="2" t="s">
        <v>474</v>
      </c>
      <c r="G160" s="3">
        <v>1</v>
      </c>
      <c r="H160" s="2" t="s">
        <v>28</v>
      </c>
      <c r="I160" s="3">
        <v>2019</v>
      </c>
      <c r="J160" s="2" t="s">
        <v>20</v>
      </c>
      <c r="K160" s="2" t="s">
        <v>36</v>
      </c>
      <c r="L160" s="2"/>
    </row>
    <row r="161" spans="1:12" ht="15.2" customHeight="1">
      <c r="A161" s="2" t="s">
        <v>463</v>
      </c>
      <c r="B161" s="2" t="s">
        <v>52</v>
      </c>
      <c r="C161" s="2" t="s">
        <v>171</v>
      </c>
      <c r="D161" s="2" t="s">
        <v>172</v>
      </c>
      <c r="E161" s="2" t="s">
        <v>34</v>
      </c>
      <c r="F161" s="2" t="s">
        <v>173</v>
      </c>
      <c r="G161" s="3">
        <v>2</v>
      </c>
      <c r="H161" s="2" t="s">
        <v>49</v>
      </c>
      <c r="I161" s="3">
        <v>2018</v>
      </c>
      <c r="J161" s="2" t="s">
        <v>20</v>
      </c>
      <c r="K161" s="2" t="s">
        <v>36</v>
      </c>
      <c r="L161" s="2" t="s">
        <v>174</v>
      </c>
    </row>
    <row r="162" spans="1:12" ht="15.2" customHeight="1">
      <c r="A162" s="2" t="s">
        <v>463</v>
      </c>
      <c r="B162" s="2" t="s">
        <v>58</v>
      </c>
      <c r="C162" s="2" t="s">
        <v>475</v>
      </c>
      <c r="D162" s="2" t="s">
        <v>476</v>
      </c>
      <c r="E162" s="2" t="s">
        <v>161</v>
      </c>
      <c r="F162" s="2" t="s">
        <v>477</v>
      </c>
      <c r="G162" s="3">
        <v>2</v>
      </c>
      <c r="H162" s="2" t="s">
        <v>28</v>
      </c>
      <c r="I162" s="3">
        <v>2018</v>
      </c>
      <c r="J162" s="2" t="s">
        <v>20</v>
      </c>
      <c r="K162" s="2" t="s">
        <v>163</v>
      </c>
      <c r="L162" s="2" t="s">
        <v>478</v>
      </c>
    </row>
    <row r="163" spans="1:12" ht="15.2" customHeight="1">
      <c r="A163" s="2" t="s">
        <v>463</v>
      </c>
      <c r="B163" s="2" t="s">
        <v>65</v>
      </c>
      <c r="C163" s="2" t="s">
        <v>479</v>
      </c>
      <c r="D163" s="2" t="s">
        <v>480</v>
      </c>
      <c r="E163" s="2" t="s">
        <v>76</v>
      </c>
      <c r="F163" s="2" t="s">
        <v>481</v>
      </c>
      <c r="G163" s="3">
        <v>2</v>
      </c>
      <c r="H163" s="2" t="s">
        <v>28</v>
      </c>
      <c r="I163" s="3">
        <v>2013</v>
      </c>
      <c r="J163" s="2" t="s">
        <v>78</v>
      </c>
      <c r="K163" s="2" t="s">
        <v>79</v>
      </c>
      <c r="L163" s="2" t="s">
        <v>482</v>
      </c>
    </row>
    <row r="164" spans="1:12" ht="15.2" customHeight="1">
      <c r="A164" s="2" t="s">
        <v>463</v>
      </c>
      <c r="B164" s="2" t="s">
        <v>157</v>
      </c>
      <c r="C164" s="2" t="s">
        <v>483</v>
      </c>
      <c r="D164" s="2" t="s">
        <v>484</v>
      </c>
      <c r="E164" s="2" t="s">
        <v>379</v>
      </c>
      <c r="F164" s="2" t="s">
        <v>485</v>
      </c>
      <c r="G164" s="3">
        <v>2</v>
      </c>
      <c r="H164" s="2" t="s">
        <v>28</v>
      </c>
      <c r="I164" s="3">
        <v>2017</v>
      </c>
      <c r="J164" s="2" t="s">
        <v>87</v>
      </c>
      <c r="K164" s="2" t="s">
        <v>381</v>
      </c>
      <c r="L164" s="2" t="s">
        <v>486</v>
      </c>
    </row>
    <row r="165" spans="1:12" ht="15.2" customHeight="1">
      <c r="A165" s="2" t="s">
        <v>463</v>
      </c>
      <c r="B165" s="2" t="s">
        <v>306</v>
      </c>
      <c r="C165" s="2" t="s">
        <v>487</v>
      </c>
      <c r="D165" s="2" t="s">
        <v>488</v>
      </c>
      <c r="E165" s="2" t="s">
        <v>84</v>
      </c>
      <c r="F165" s="2" t="s">
        <v>489</v>
      </c>
      <c r="G165" s="3">
        <v>3</v>
      </c>
      <c r="H165" s="2" t="s">
        <v>86</v>
      </c>
      <c r="I165" s="3">
        <v>2016</v>
      </c>
      <c r="J165" s="2" t="s">
        <v>87</v>
      </c>
      <c r="K165" s="2" t="s">
        <v>438</v>
      </c>
      <c r="L165" s="2" t="s">
        <v>490</v>
      </c>
    </row>
    <row r="166" spans="1:12" ht="15.2" customHeight="1">
      <c r="A166" s="2" t="s">
        <v>463</v>
      </c>
      <c r="B166" s="2" t="s">
        <v>491</v>
      </c>
      <c r="C166" s="2" t="s">
        <v>492</v>
      </c>
      <c r="D166" s="2" t="s">
        <v>493</v>
      </c>
      <c r="E166" s="2" t="s">
        <v>84</v>
      </c>
      <c r="F166" s="2" t="s">
        <v>494</v>
      </c>
      <c r="G166" s="3">
        <v>4</v>
      </c>
      <c r="H166" s="2" t="s">
        <v>86</v>
      </c>
      <c r="I166" s="3">
        <v>2016</v>
      </c>
      <c r="J166" s="2" t="s">
        <v>87</v>
      </c>
      <c r="K166" s="2" t="s">
        <v>438</v>
      </c>
      <c r="L166" s="2" t="s">
        <v>495</v>
      </c>
    </row>
    <row r="167" spans="1:12" ht="15.2" customHeight="1">
      <c r="A167" s="2" t="s">
        <v>463</v>
      </c>
      <c r="B167" s="2" t="s">
        <v>233</v>
      </c>
      <c r="C167" s="2" t="s">
        <v>496</v>
      </c>
      <c r="D167" s="2" t="s">
        <v>497</v>
      </c>
      <c r="E167" s="2" t="s">
        <v>146</v>
      </c>
      <c r="F167" s="2" t="s">
        <v>498</v>
      </c>
      <c r="G167" s="3">
        <v>2</v>
      </c>
      <c r="H167" s="2" t="s">
        <v>28</v>
      </c>
      <c r="I167" s="3">
        <v>2014</v>
      </c>
      <c r="J167" s="2" t="s">
        <v>29</v>
      </c>
      <c r="K167" s="2" t="s">
        <v>370</v>
      </c>
      <c r="L167" s="2" t="s">
        <v>499</v>
      </c>
    </row>
    <row r="168" spans="1:12" ht="15.2" customHeight="1">
      <c r="A168" s="2" t="s">
        <v>463</v>
      </c>
      <c r="B168" s="2" t="s">
        <v>95</v>
      </c>
      <c r="C168" s="2" t="s">
        <v>406</v>
      </c>
      <c r="D168" s="2" t="s">
        <v>407</v>
      </c>
      <c r="E168" s="2" t="s">
        <v>17</v>
      </c>
      <c r="F168" s="2" t="s">
        <v>408</v>
      </c>
      <c r="G168" s="3">
        <v>1</v>
      </c>
      <c r="H168" s="2" t="s">
        <v>28</v>
      </c>
      <c r="I168" s="3">
        <v>2019</v>
      </c>
      <c r="J168" s="2" t="s">
        <v>20</v>
      </c>
      <c r="K168" s="2" t="s">
        <v>21</v>
      </c>
      <c r="L168" s="2" t="s">
        <v>409</v>
      </c>
    </row>
    <row r="169" spans="1:12" ht="15.2" customHeight="1">
      <c r="A169" s="2" t="s">
        <v>463</v>
      </c>
      <c r="B169" s="2" t="s">
        <v>240</v>
      </c>
      <c r="C169" s="2" t="s">
        <v>500</v>
      </c>
      <c r="D169" s="2" t="s">
        <v>501</v>
      </c>
      <c r="E169" s="2" t="s">
        <v>84</v>
      </c>
      <c r="F169" s="2" t="s">
        <v>502</v>
      </c>
      <c r="G169" s="3">
        <v>9</v>
      </c>
      <c r="H169" s="2" t="s">
        <v>86</v>
      </c>
      <c r="I169" s="3">
        <v>2016</v>
      </c>
      <c r="J169" s="2" t="s">
        <v>87</v>
      </c>
      <c r="K169" s="2" t="s">
        <v>438</v>
      </c>
      <c r="L169" s="2" t="s">
        <v>503</v>
      </c>
    </row>
    <row r="170" spans="1:12" ht="15.2" customHeight="1">
      <c r="A170" s="2" t="s">
        <v>463</v>
      </c>
      <c r="B170" s="2" t="s">
        <v>246</v>
      </c>
      <c r="C170" s="2" t="s">
        <v>504</v>
      </c>
      <c r="D170" s="2" t="s">
        <v>505</v>
      </c>
      <c r="E170" s="2" t="s">
        <v>84</v>
      </c>
      <c r="F170" s="2" t="s">
        <v>506</v>
      </c>
      <c r="G170" s="3">
        <v>10</v>
      </c>
      <c r="H170" s="2" t="s">
        <v>507</v>
      </c>
      <c r="I170" s="3">
        <v>2016</v>
      </c>
      <c r="J170" s="2" t="s">
        <v>87</v>
      </c>
      <c r="K170" s="2" t="s">
        <v>438</v>
      </c>
      <c r="L170" s="2" t="s">
        <v>508</v>
      </c>
    </row>
    <row r="171" spans="1:12" ht="15.2" customHeight="1">
      <c r="A171" s="2" t="s">
        <v>463</v>
      </c>
      <c r="B171" s="2" t="s">
        <v>251</v>
      </c>
      <c r="C171" s="2" t="s">
        <v>509</v>
      </c>
      <c r="D171" s="2" t="s">
        <v>510</v>
      </c>
      <c r="E171" s="2" t="s">
        <v>84</v>
      </c>
      <c r="F171" s="2" t="s">
        <v>511</v>
      </c>
      <c r="G171" s="3">
        <v>11</v>
      </c>
      <c r="H171" s="2" t="s">
        <v>86</v>
      </c>
      <c r="I171" s="3">
        <v>2016</v>
      </c>
      <c r="J171" s="2" t="s">
        <v>87</v>
      </c>
      <c r="K171" s="2" t="s">
        <v>438</v>
      </c>
      <c r="L171" s="2" t="s">
        <v>512</v>
      </c>
    </row>
    <row r="172" spans="1:12" ht="15.2" customHeight="1">
      <c r="A172" s="2" t="s">
        <v>463</v>
      </c>
      <c r="B172" s="2" t="s">
        <v>440</v>
      </c>
      <c r="C172" s="2" t="s">
        <v>513</v>
      </c>
      <c r="D172" s="2" t="s">
        <v>514</v>
      </c>
      <c r="E172" s="2" t="s">
        <v>84</v>
      </c>
      <c r="F172" s="2" t="s">
        <v>515</v>
      </c>
      <c r="G172" s="3">
        <v>12</v>
      </c>
      <c r="H172" s="2" t="s">
        <v>86</v>
      </c>
      <c r="I172" s="3">
        <v>2016</v>
      </c>
      <c r="J172" s="2" t="s">
        <v>87</v>
      </c>
      <c r="K172" s="2" t="s">
        <v>438</v>
      </c>
      <c r="L172" s="2" t="s">
        <v>516</v>
      </c>
    </row>
    <row r="173" spans="1:12" ht="15.2" customHeight="1">
      <c r="A173" s="2" t="s">
        <v>463</v>
      </c>
      <c r="B173" s="2" t="s">
        <v>109</v>
      </c>
      <c r="C173" s="2" t="s">
        <v>348</v>
      </c>
      <c r="D173" s="2" t="s">
        <v>349</v>
      </c>
      <c r="E173" s="2" t="s">
        <v>34</v>
      </c>
      <c r="F173" s="2" t="s">
        <v>350</v>
      </c>
      <c r="G173" s="3">
        <v>5</v>
      </c>
      <c r="H173" s="2" t="s">
        <v>28</v>
      </c>
      <c r="I173" s="3">
        <v>2018</v>
      </c>
      <c r="J173" s="2" t="s">
        <v>20</v>
      </c>
      <c r="K173" s="2" t="s">
        <v>36</v>
      </c>
      <c r="L173" s="2" t="s">
        <v>351</v>
      </c>
    </row>
    <row r="174" spans="1:12" ht="15.2" customHeight="1">
      <c r="A174" s="2" t="s">
        <v>463</v>
      </c>
      <c r="B174" s="2" t="s">
        <v>383</v>
      </c>
      <c r="C174" s="2" t="s">
        <v>356</v>
      </c>
      <c r="D174" s="2" t="s">
        <v>357</v>
      </c>
      <c r="E174" s="2" t="s">
        <v>34</v>
      </c>
      <c r="F174" s="2" t="s">
        <v>358</v>
      </c>
      <c r="G174" s="3">
        <v>6</v>
      </c>
      <c r="H174" s="2" t="s">
        <v>28</v>
      </c>
      <c r="I174" s="3">
        <v>2018</v>
      </c>
      <c r="J174" s="2" t="s">
        <v>20</v>
      </c>
      <c r="K174" s="2" t="s">
        <v>36</v>
      </c>
      <c r="L174" s="2" t="s">
        <v>359</v>
      </c>
    </row>
    <row r="175" spans="1:12" ht="15.2" customHeight="1">
      <c r="A175" s="2" t="s">
        <v>463</v>
      </c>
      <c r="B175" s="2" t="s">
        <v>121</v>
      </c>
      <c r="C175" s="2"/>
      <c r="D175" s="2" t="s">
        <v>519</v>
      </c>
      <c r="E175" s="2" t="s">
        <v>519</v>
      </c>
      <c r="F175" s="2" t="s">
        <v>522</v>
      </c>
      <c r="G175" s="3">
        <v>1</v>
      </c>
      <c r="H175" s="2" t="s">
        <v>19</v>
      </c>
      <c r="I175" s="3">
        <v>2020</v>
      </c>
      <c r="J175" s="2" t="s">
        <v>20</v>
      </c>
      <c r="K175" s="2" t="s">
        <v>127</v>
      </c>
      <c r="L175" s="2"/>
    </row>
    <row r="176" spans="1:12" ht="15.2" customHeight="1">
      <c r="A176" s="2" t="s">
        <v>463</v>
      </c>
      <c r="B176" s="2" t="s">
        <v>183</v>
      </c>
      <c r="C176" s="2" t="s">
        <v>384</v>
      </c>
      <c r="D176" s="2" t="s">
        <v>385</v>
      </c>
      <c r="E176" s="2" t="s">
        <v>131</v>
      </c>
      <c r="F176" s="2" t="s">
        <v>386</v>
      </c>
      <c r="G176" s="3">
        <v>5</v>
      </c>
      <c r="H176" s="2" t="s">
        <v>28</v>
      </c>
      <c r="I176" s="3">
        <v>2017</v>
      </c>
      <c r="J176" s="2" t="s">
        <v>20</v>
      </c>
      <c r="K176" s="2" t="s">
        <v>133</v>
      </c>
      <c r="L176" s="2" t="s">
        <v>387</v>
      </c>
    </row>
    <row r="177" spans="1:12" ht="15.2" customHeight="1">
      <c r="A177" s="2" t="s">
        <v>463</v>
      </c>
      <c r="B177" s="2" t="s">
        <v>123</v>
      </c>
      <c r="C177" s="2" t="s">
        <v>348</v>
      </c>
      <c r="D177" s="2" t="s">
        <v>349</v>
      </c>
      <c r="E177" s="2" t="s">
        <v>34</v>
      </c>
      <c r="F177" s="2" t="s">
        <v>350</v>
      </c>
      <c r="G177" s="3">
        <v>5</v>
      </c>
      <c r="H177" s="2" t="s">
        <v>28</v>
      </c>
      <c r="I177" s="3">
        <v>2018</v>
      </c>
      <c r="J177" s="2" t="s">
        <v>20</v>
      </c>
      <c r="K177" s="2" t="s">
        <v>36</v>
      </c>
      <c r="L177" s="2" t="s">
        <v>351</v>
      </c>
    </row>
    <row r="178" spans="1:12" ht="15.2" customHeight="1">
      <c r="A178" s="2" t="s">
        <v>463</v>
      </c>
      <c r="B178" s="2" t="s">
        <v>124</v>
      </c>
      <c r="C178" s="2" t="s">
        <v>356</v>
      </c>
      <c r="D178" s="2" t="s">
        <v>357</v>
      </c>
      <c r="E178" s="2" t="s">
        <v>34</v>
      </c>
      <c r="F178" s="2" t="s">
        <v>358</v>
      </c>
      <c r="G178" s="3">
        <v>6</v>
      </c>
      <c r="H178" s="2" t="s">
        <v>28</v>
      </c>
      <c r="I178" s="3">
        <v>2018</v>
      </c>
      <c r="J178" s="2" t="s">
        <v>20</v>
      </c>
      <c r="K178" s="2" t="s">
        <v>36</v>
      </c>
      <c r="L178" s="2" t="s">
        <v>359</v>
      </c>
    </row>
    <row r="179" spans="1:12" ht="15.2" customHeight="1">
      <c r="A179" s="2" t="s">
        <v>463</v>
      </c>
      <c r="B179" s="2" t="s">
        <v>460</v>
      </c>
      <c r="C179" s="2" t="s">
        <v>509</v>
      </c>
      <c r="D179" s="2" t="s">
        <v>510</v>
      </c>
      <c r="E179" s="2" t="s">
        <v>84</v>
      </c>
      <c r="F179" s="2" t="s">
        <v>511</v>
      </c>
      <c r="G179" s="3">
        <v>11</v>
      </c>
      <c r="H179" s="2" t="s">
        <v>86</v>
      </c>
      <c r="I179" s="3">
        <v>2016</v>
      </c>
      <c r="J179" s="2" t="s">
        <v>87</v>
      </c>
      <c r="K179" s="2" t="s">
        <v>438</v>
      </c>
      <c r="L179" s="2" t="s">
        <v>512</v>
      </c>
    </row>
    <row r="180" spans="1:12" ht="15.2" customHeight="1">
      <c r="A180" s="2" t="s">
        <v>463</v>
      </c>
      <c r="B180" s="2" t="s">
        <v>461</v>
      </c>
      <c r="C180" s="2" t="s">
        <v>513</v>
      </c>
      <c r="D180" s="2" t="s">
        <v>514</v>
      </c>
      <c r="E180" s="2" t="s">
        <v>84</v>
      </c>
      <c r="F180" s="2" t="s">
        <v>515</v>
      </c>
      <c r="G180" s="3">
        <v>12</v>
      </c>
      <c r="H180" s="2" t="s">
        <v>86</v>
      </c>
      <c r="I180" s="3">
        <v>2016</v>
      </c>
      <c r="J180" s="2" t="s">
        <v>87</v>
      </c>
      <c r="K180" s="2" t="s">
        <v>438</v>
      </c>
      <c r="L180" s="2" t="s">
        <v>516</v>
      </c>
    </row>
    <row r="181" spans="1:12" ht="15.2" customHeight="1">
      <c r="A181" s="2" t="s">
        <v>463</v>
      </c>
      <c r="B181" s="2" t="s">
        <v>128</v>
      </c>
      <c r="C181" s="2" t="s">
        <v>500</v>
      </c>
      <c r="D181" s="2" t="s">
        <v>501</v>
      </c>
      <c r="E181" s="2" t="s">
        <v>84</v>
      </c>
      <c r="F181" s="2" t="s">
        <v>502</v>
      </c>
      <c r="G181" s="3">
        <v>9</v>
      </c>
      <c r="H181" s="2" t="s">
        <v>86</v>
      </c>
      <c r="I181" s="3">
        <v>2016</v>
      </c>
      <c r="J181" s="2" t="s">
        <v>87</v>
      </c>
      <c r="K181" s="2" t="s">
        <v>438</v>
      </c>
      <c r="L181" s="2" t="s">
        <v>503</v>
      </c>
    </row>
    <row r="182" spans="1:12" ht="15.2" customHeight="1">
      <c r="A182" s="2" t="s">
        <v>463</v>
      </c>
      <c r="B182" s="2" t="s">
        <v>260</v>
      </c>
      <c r="C182" s="2" t="s">
        <v>504</v>
      </c>
      <c r="D182" s="2" t="s">
        <v>505</v>
      </c>
      <c r="E182" s="2" t="s">
        <v>84</v>
      </c>
      <c r="F182" s="2" t="s">
        <v>506</v>
      </c>
      <c r="G182" s="3">
        <v>10</v>
      </c>
      <c r="H182" s="2" t="s">
        <v>507</v>
      </c>
      <c r="I182" s="3">
        <v>2016</v>
      </c>
      <c r="J182" s="2" t="s">
        <v>87</v>
      </c>
      <c r="K182" s="2" t="s">
        <v>438</v>
      </c>
      <c r="L182" s="2" t="s">
        <v>508</v>
      </c>
    </row>
    <row r="183" spans="1:12" ht="15.2" customHeight="1">
      <c r="A183" s="2" t="s">
        <v>463</v>
      </c>
      <c r="B183" s="2" t="s">
        <v>261</v>
      </c>
      <c r="C183" s="2" t="s">
        <v>472</v>
      </c>
      <c r="D183" s="2" t="s">
        <v>473</v>
      </c>
      <c r="E183" s="2" t="s">
        <v>34</v>
      </c>
      <c r="F183" s="2" t="s">
        <v>474</v>
      </c>
      <c r="G183" s="3">
        <v>1</v>
      </c>
      <c r="H183" s="2" t="s">
        <v>28</v>
      </c>
      <c r="I183" s="3">
        <v>2019</v>
      </c>
      <c r="J183" s="2" t="s">
        <v>20</v>
      </c>
      <c r="K183" s="2" t="s">
        <v>36</v>
      </c>
      <c r="L183" s="2"/>
    </row>
    <row r="184" spans="1:12" ht="15.2" customHeight="1">
      <c r="A184" s="2" t="s">
        <v>463</v>
      </c>
      <c r="B184" s="2" t="s">
        <v>262</v>
      </c>
      <c r="C184" s="2" t="s">
        <v>171</v>
      </c>
      <c r="D184" s="2" t="s">
        <v>172</v>
      </c>
      <c r="E184" s="2" t="s">
        <v>34</v>
      </c>
      <c r="F184" s="2" t="s">
        <v>173</v>
      </c>
      <c r="G184" s="3">
        <v>2</v>
      </c>
      <c r="H184" s="2" t="s">
        <v>49</v>
      </c>
      <c r="I184" s="3">
        <v>2018</v>
      </c>
      <c r="J184" s="2" t="s">
        <v>20</v>
      </c>
      <c r="K184" s="2" t="s">
        <v>36</v>
      </c>
      <c r="L184" s="2" t="s">
        <v>174</v>
      </c>
    </row>
    <row r="185"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19T09:36:29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